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938\Desktop\"/>
    </mc:Choice>
  </mc:AlternateContent>
  <xr:revisionPtr revIDLastSave="0" documentId="8_{CB963836-C2B4-427E-8097-7555DFDAF863}" xr6:coauthVersionLast="47" xr6:coauthVersionMax="47" xr10:uidLastSave="{00000000-0000-0000-0000-000000000000}"/>
  <bookViews>
    <workbookView xWindow="-108" yWindow="-108" windowWidth="23256" windowHeight="12456" xr2:uid="{8AEAF649-BE8C-4FD2-81A7-13379D573F47}"/>
  </bookViews>
  <sheets>
    <sheet name="★新様式★ " sheetId="5" r:id="rId1"/>
  </sheets>
  <definedNames>
    <definedName name="_xlnm.Print_Area" localSheetId="0">'★新様式★ '!$A$1:$T$4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 count="99" uniqueCount="81">
  <si>
    <r>
      <t>税証明</t>
    </r>
    <r>
      <rPr>
        <sz val="15"/>
        <rFont val="HG丸ｺﾞｼｯｸM-PRO"/>
        <family val="3"/>
        <charset val="128"/>
      </rPr>
      <t>（所得証明・資産証明・納税証明・営業証明等）</t>
    </r>
    <r>
      <rPr>
        <sz val="16"/>
        <rFont val="HG丸ｺﾞｼｯｸM-PRO"/>
        <family val="3"/>
        <charset val="128"/>
      </rPr>
      <t>申請書</t>
    </r>
    <rPh sb="0" eb="1">
      <t>ゼイ</t>
    </rPh>
    <rPh sb="1" eb="3">
      <t>ショウメイ</t>
    </rPh>
    <rPh sb="4" eb="6">
      <t>ショトク</t>
    </rPh>
    <rPh sb="6" eb="8">
      <t>ショウメイ</t>
    </rPh>
    <rPh sb="9" eb="11">
      <t>シサン</t>
    </rPh>
    <rPh sb="11" eb="13">
      <t>ショウメイ</t>
    </rPh>
    <rPh sb="14" eb="16">
      <t>ノウゼイ</t>
    </rPh>
    <rPh sb="16" eb="18">
      <t>ショウメイ</t>
    </rPh>
    <rPh sb="19" eb="21">
      <t>エイギョウ</t>
    </rPh>
    <rPh sb="21" eb="23">
      <t>ショウメイ</t>
    </rPh>
    <rPh sb="23" eb="24">
      <t>トウ</t>
    </rPh>
    <rPh sb="25" eb="28">
      <t>シンセイショ</t>
    </rPh>
    <phoneticPr fontId="6"/>
  </si>
  <si>
    <r>
      <rPr>
        <sz val="12"/>
        <rFont val="HG丸ｺﾞｼｯｸM-PRO"/>
        <family val="3"/>
        <charset val="128"/>
      </rPr>
      <t>（あて先）</t>
    </r>
    <r>
      <rPr>
        <sz val="14"/>
        <rFont val="HG丸ｺﾞｼｯｸM-PRO"/>
        <family val="3"/>
        <charset val="128"/>
      </rPr>
      <t>八代市長</t>
    </r>
    <rPh sb="3" eb="4">
      <t>サキ</t>
    </rPh>
    <rPh sb="5" eb="9">
      <t>ヤツシロシチョウ</t>
    </rPh>
    <phoneticPr fontId="6"/>
  </si>
  <si>
    <r>
      <t xml:space="preserve">申請日　令和  </t>
    </r>
    <r>
      <rPr>
        <b/>
        <sz val="14"/>
        <rFont val="HG丸ｺﾞｼｯｸM-PRO"/>
        <family val="3"/>
        <charset val="128"/>
      </rPr>
      <t>　　</t>
    </r>
    <r>
      <rPr>
        <sz val="14"/>
        <rFont val="HG丸ｺﾞｼｯｸM-PRO"/>
        <family val="3"/>
        <charset val="128"/>
      </rPr>
      <t>年</t>
    </r>
    <r>
      <rPr>
        <b/>
        <sz val="14"/>
        <rFont val="HG丸ｺﾞｼｯｸM-PRO"/>
        <family val="3"/>
        <charset val="128"/>
      </rPr>
      <t>　　</t>
    </r>
    <r>
      <rPr>
        <sz val="14"/>
        <rFont val="HG丸ｺﾞｼｯｸM-PRO"/>
        <family val="3"/>
        <charset val="128"/>
      </rPr>
      <t>月</t>
    </r>
    <r>
      <rPr>
        <b/>
        <sz val="14"/>
        <rFont val="HG丸ｺﾞｼｯｸM-PRO"/>
        <family val="3"/>
        <charset val="128"/>
      </rPr>
      <t>　　</t>
    </r>
    <r>
      <rPr>
        <sz val="14"/>
        <rFont val="HG丸ｺﾞｼｯｸM-PRO"/>
        <family val="3"/>
        <charset val="128"/>
      </rPr>
      <t>日</t>
    </r>
    <rPh sb="0" eb="2">
      <t>シンセイ</t>
    </rPh>
    <rPh sb="2" eb="3">
      <t>ビ</t>
    </rPh>
    <rPh sb="4" eb="5">
      <t>レイ</t>
    </rPh>
    <rPh sb="5" eb="6">
      <t>ワ</t>
    </rPh>
    <rPh sb="10" eb="11">
      <t>ネン</t>
    </rPh>
    <rPh sb="13" eb="14">
      <t>ガツ</t>
    </rPh>
    <rPh sb="16" eb="17">
      <t>ニチ</t>
    </rPh>
    <phoneticPr fontId="6"/>
  </si>
  <si>
    <t>窓口に
来られた方
（あなた）</t>
    <rPh sb="0" eb="2">
      <t>マドグチ</t>
    </rPh>
    <rPh sb="4" eb="5">
      <t>コ</t>
    </rPh>
    <rPh sb="8" eb="9">
      <t>カタ</t>
    </rPh>
    <phoneticPr fontId="6"/>
  </si>
  <si>
    <t>氏 名</t>
    <rPh sb="0" eb="1">
      <t>シ</t>
    </rPh>
    <rPh sb="2" eb="3">
      <t>メイ</t>
    </rPh>
    <phoneticPr fontId="6"/>
  </si>
  <si>
    <t>生年月日</t>
    <rPh sb="0" eb="2">
      <t>セイネン</t>
    </rPh>
    <rPh sb="2" eb="4">
      <t>ガッピ</t>
    </rPh>
    <phoneticPr fontId="6"/>
  </si>
  <si>
    <t>　　年　　月　　日</t>
    <rPh sb="2" eb="3">
      <t>ネン</t>
    </rPh>
    <rPh sb="5" eb="6">
      <t>ガツ</t>
    </rPh>
    <rPh sb="8" eb="9">
      <t>ニチ</t>
    </rPh>
    <phoneticPr fontId="6"/>
  </si>
  <si>
    <t>現住所</t>
    <rPh sb="0" eb="3">
      <t>ゲンジュウショ</t>
    </rPh>
    <phoneticPr fontId="6"/>
  </si>
  <si>
    <t>八代市</t>
    <rPh sb="0" eb="3">
      <t>ヤツシロシ</t>
    </rPh>
    <phoneticPr fontId="6"/>
  </si>
  <si>
    <t>電話</t>
    <rPh sb="0" eb="2">
      <t>デンワ</t>
    </rPh>
    <phoneticPr fontId="6"/>
  </si>
  <si>
    <t xml:space="preserve"> ◆運転免許証等により、窓口に来られた方の確認をさせていただきます。</t>
    <phoneticPr fontId="6"/>
  </si>
  <si>
    <r>
      <t xml:space="preserve">どなたの証明が必要ですか
</t>
    </r>
    <r>
      <rPr>
        <sz val="12"/>
        <rFont val="HG丸ｺﾞｼｯｸM-PRO"/>
        <family val="3"/>
        <charset val="128"/>
      </rPr>
      <t>（本人の場合
　記入は不要）</t>
    </r>
    <rPh sb="4" eb="6">
      <t>ショウメイ</t>
    </rPh>
    <rPh sb="7" eb="9">
      <t>ヒツヨウ</t>
    </rPh>
    <rPh sb="14" eb="16">
      <t>ホンニン</t>
    </rPh>
    <rPh sb="17" eb="19">
      <t>バアイ</t>
    </rPh>
    <rPh sb="21" eb="23">
      <t>キニュウ</t>
    </rPh>
    <rPh sb="24" eb="26">
      <t>フヨウ</t>
    </rPh>
    <phoneticPr fontId="6"/>
  </si>
  <si>
    <t>必要な方と
あなたの
ご関係は</t>
    <rPh sb="0" eb="2">
      <t>ヒツヨウ</t>
    </rPh>
    <rPh sb="3" eb="4">
      <t>カタ</t>
    </rPh>
    <rPh sb="12" eb="14">
      <t>カンケイ</t>
    </rPh>
    <phoneticPr fontId="6"/>
  </si>
  <si>
    <r>
      <t>　</t>
    </r>
    <r>
      <rPr>
        <sz val="14"/>
        <color indexed="55"/>
        <rFont val="HG丸ｺﾞｼｯｸM-PRO"/>
        <family val="3"/>
        <charset val="128"/>
      </rPr>
      <t>□</t>
    </r>
    <r>
      <rPr>
        <sz val="13"/>
        <rFont val="HG丸ｺﾞｼｯｸM-PRO"/>
        <family val="3"/>
        <charset val="128"/>
      </rPr>
      <t>本人</t>
    </r>
    <phoneticPr fontId="6"/>
  </si>
  <si>
    <r>
      <rPr>
        <sz val="14"/>
        <color indexed="55"/>
        <rFont val="HG丸ｺﾞｼｯｸM-PRO"/>
        <family val="3"/>
        <charset val="128"/>
      </rPr>
      <t>□</t>
    </r>
    <r>
      <rPr>
        <sz val="13"/>
        <rFont val="HG丸ｺﾞｼｯｸM-PRO"/>
        <family val="3"/>
        <charset val="128"/>
      </rPr>
      <t>その他(</t>
    </r>
    <rPh sb="3" eb="4">
      <t>タ</t>
    </rPh>
    <phoneticPr fontId="6"/>
  </si>
  <si>
    <r>
      <t>)</t>
    </r>
    <r>
      <rPr>
        <sz val="11"/>
        <rFont val="HG丸ｺﾞｼｯｸM-PRO"/>
        <family val="3"/>
        <charset val="128"/>
      </rPr>
      <t>→委任状が必要</t>
    </r>
    <rPh sb="2" eb="5">
      <t>イニンジョウ</t>
    </rPh>
    <rPh sb="6" eb="8">
      <t>ヒツヨウ</t>
    </rPh>
    <phoneticPr fontId="6"/>
  </si>
  <si>
    <t>証明の種類</t>
    <rPh sb="0" eb="2">
      <t>ショウメイ</t>
    </rPh>
    <rPh sb="3" eb="5">
      <t>シュルイ</t>
    </rPh>
    <phoneticPr fontId="6"/>
  </si>
  <si>
    <t>年度分</t>
    <rPh sb="0" eb="2">
      <t>ネンド</t>
    </rPh>
    <rPh sb="2" eb="3">
      <t>ブン</t>
    </rPh>
    <phoneticPr fontId="6"/>
  </si>
  <si>
    <t>必要部数</t>
    <rPh sb="0" eb="2">
      <t>ヒツヨウ</t>
    </rPh>
    <rPh sb="2" eb="4">
      <t>ブスウ</t>
    </rPh>
    <phoneticPr fontId="6"/>
  </si>
  <si>
    <t>１部 300円</t>
    <rPh sb="1" eb="2">
      <t>ブ</t>
    </rPh>
    <rPh sb="6" eb="7">
      <t>エン</t>
    </rPh>
    <phoneticPr fontId="6"/>
  </si>
  <si>
    <r>
      <t xml:space="preserve"> </t>
    </r>
    <r>
      <rPr>
        <sz val="12"/>
        <color indexed="55"/>
        <rFont val="HG丸ｺﾞｼｯｸM-PRO"/>
        <family val="3"/>
        <charset val="128"/>
      </rPr>
      <t>□</t>
    </r>
    <r>
      <rPr>
        <sz val="11"/>
        <rFont val="HG丸ｺﾞｼｯｸM-PRO"/>
        <family val="3"/>
        <charset val="128"/>
      </rPr>
      <t>指定</t>
    </r>
    <r>
      <rPr>
        <sz val="10"/>
        <rFont val="HG丸ｺﾞｼｯｸM-PRO"/>
        <family val="3"/>
        <charset val="128"/>
      </rPr>
      <t>（</t>
    </r>
    <rPh sb="2" eb="4">
      <t>シテイ</t>
    </rPh>
    <phoneticPr fontId="6"/>
  </si>
  <si>
    <t>年度）</t>
    <rPh sb="0" eb="2">
      <t>ネンド</t>
    </rPh>
    <phoneticPr fontId="6"/>
  </si>
  <si>
    <t>部</t>
    <rPh sb="0" eb="1">
      <t>ブ</t>
    </rPh>
    <phoneticPr fontId="6"/>
  </si>
  <si>
    <t>１枚 300円</t>
    <rPh sb="1" eb="2">
      <t>マイ</t>
    </rPh>
    <rPh sb="6" eb="7">
      <t>エン</t>
    </rPh>
    <phoneticPr fontId="6"/>
  </si>
  <si>
    <r>
      <t xml:space="preserve"> </t>
    </r>
    <r>
      <rPr>
        <sz val="12"/>
        <color indexed="55"/>
        <rFont val="HG丸ｺﾞｼｯｸM-PRO"/>
        <family val="3"/>
        <charset val="128"/>
      </rPr>
      <t>□</t>
    </r>
    <r>
      <rPr>
        <sz val="11"/>
        <rFont val="HG丸ｺﾞｼｯｸM-PRO"/>
        <family val="3"/>
        <charset val="128"/>
      </rPr>
      <t>指定</t>
    </r>
    <r>
      <rPr>
        <sz val="9"/>
        <rFont val="HG丸ｺﾞｼｯｸM-PRO"/>
        <family val="3"/>
        <charset val="128"/>
      </rPr>
      <t>（</t>
    </r>
    <rPh sb="2" eb="4">
      <t>シテイ</t>
    </rPh>
    <phoneticPr fontId="6"/>
  </si>
  <si>
    <t>（　  　　　 枚）</t>
    <rPh sb="8" eb="9">
      <t>マイ</t>
    </rPh>
    <phoneticPr fontId="6"/>
  </si>
  <si>
    <t>資産の一部に
ついて証明が
必要な場合、
右欄にご記入
ください。</t>
    <rPh sb="0" eb="2">
      <t>シサン</t>
    </rPh>
    <rPh sb="3" eb="5">
      <t>イチブ</t>
    </rPh>
    <rPh sb="10" eb="12">
      <t>ショウメイ</t>
    </rPh>
    <rPh sb="14" eb="16">
      <t>ヒツヨウ</t>
    </rPh>
    <rPh sb="17" eb="19">
      <t>バアイ</t>
    </rPh>
    <rPh sb="21" eb="22">
      <t>ミギ</t>
    </rPh>
    <rPh sb="22" eb="23">
      <t>ラン</t>
    </rPh>
    <rPh sb="25" eb="27">
      <t>キニュウ</t>
    </rPh>
    <phoneticPr fontId="6"/>
  </si>
  <si>
    <t>資産区分</t>
    <rPh sb="0" eb="2">
      <t>シサン</t>
    </rPh>
    <rPh sb="2" eb="4">
      <t>クブン</t>
    </rPh>
    <phoneticPr fontId="6"/>
  </si>
  <si>
    <t>町　名</t>
    <phoneticPr fontId="6"/>
  </si>
  <si>
    <t>地番または家屋番号</t>
    <rPh sb="0" eb="2">
      <t>チバン</t>
    </rPh>
    <rPh sb="5" eb="7">
      <t>カオク</t>
    </rPh>
    <rPh sb="7" eb="9">
      <t>バンゴウ</t>
    </rPh>
    <phoneticPr fontId="6"/>
  </si>
  <si>
    <t>□土地 □家屋</t>
    <phoneticPr fontId="6"/>
  </si>
  <si>
    <t>八代市</t>
    <phoneticPr fontId="6"/>
  </si>
  <si>
    <t>※直近２週間内に納付されたものについては、納付の確認ができる領収書等をご提示ください。</t>
    <rPh sb="36" eb="38">
      <t>テイジ</t>
    </rPh>
    <phoneticPr fontId="6"/>
  </si>
  <si>
    <t>　車 両 標 識 番 号</t>
    <rPh sb="1" eb="2">
      <t>クルマ</t>
    </rPh>
    <rPh sb="3" eb="4">
      <t>リョウ</t>
    </rPh>
    <rPh sb="5" eb="6">
      <t>シルベ</t>
    </rPh>
    <rPh sb="7" eb="8">
      <t>シキ</t>
    </rPh>
    <rPh sb="9" eb="10">
      <t>バン</t>
    </rPh>
    <rPh sb="11" eb="12">
      <t>ゴウ</t>
    </rPh>
    <phoneticPr fontId="6"/>
  </si>
  <si>
    <t xml:space="preserve"> 無 料</t>
    <rPh sb="1" eb="2">
      <t>ナ</t>
    </rPh>
    <rPh sb="3" eb="4">
      <t>リョウ</t>
    </rPh>
    <phoneticPr fontId="6"/>
  </si>
  <si>
    <t>熊本</t>
    <rPh sb="0" eb="2">
      <t>クマモト</t>
    </rPh>
    <phoneticPr fontId="6"/>
  </si>
  <si>
    <r>
      <rPr>
        <sz val="11"/>
        <color indexed="55"/>
        <rFont val="HG丸ｺﾞｼｯｸM-PRO"/>
        <family val="3"/>
        <charset val="128"/>
      </rPr>
      <t>□</t>
    </r>
    <r>
      <rPr>
        <sz val="11"/>
        <rFont val="HG丸ｺﾞｼｯｸM-PRO"/>
        <family val="3"/>
        <charset val="128"/>
      </rPr>
      <t>営業証明書</t>
    </r>
    <r>
      <rPr>
        <sz val="9"/>
        <rFont val="HG丸ｺﾞｼｯｸM-PRO"/>
        <family val="3"/>
        <charset val="128"/>
      </rPr>
      <t>　支店等での証明が必要なとき↓</t>
    </r>
    <phoneticPr fontId="6"/>
  </si>
  <si>
    <t>支店名　　　　　　　　　　代表者名</t>
    <rPh sb="0" eb="3">
      <t>シテンメイ</t>
    </rPh>
    <rPh sb="13" eb="16">
      <t>ダイヒョウシャ</t>
    </rPh>
    <rPh sb="16" eb="17">
      <t>メイ</t>
    </rPh>
    <phoneticPr fontId="6"/>
  </si>
  <si>
    <t>（　　　　　　　　　　　　　　　）</t>
    <phoneticPr fontId="6"/>
  </si>
  <si>
    <t>使用目的</t>
    <rPh sb="0" eb="2">
      <t>シヨウ</t>
    </rPh>
    <rPh sb="2" eb="4">
      <t>モクテキ</t>
    </rPh>
    <phoneticPr fontId="6"/>
  </si>
  <si>
    <r>
      <rPr>
        <sz val="9"/>
        <color indexed="55"/>
        <rFont val="HG丸ｺﾞｼｯｸM-PRO"/>
        <family val="3"/>
        <charset val="128"/>
      </rPr>
      <t xml:space="preserve">    □</t>
    </r>
    <r>
      <rPr>
        <sz val="9"/>
        <rFont val="HG丸ｺﾞｼｯｸM-PRO"/>
        <family val="3"/>
        <charset val="128"/>
      </rPr>
      <t>金融機関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勤務先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児童(扶養)手当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年金の手続き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 xml:space="preserve">医療費の手続き　□売買の為
    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八代市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他市町村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熊本県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color indexed="8"/>
        <rFont val="HG丸ｺﾞｼｯｸM-PRO"/>
        <family val="3"/>
        <charset val="128"/>
      </rPr>
      <t>出</t>
    </r>
    <r>
      <rPr>
        <sz val="9"/>
        <rFont val="HG丸ｺﾞｼｯｸM-PRO"/>
        <family val="3"/>
        <charset val="128"/>
      </rPr>
      <t>入国在留管理局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相続の手続き　□指名願</t>
    </r>
    <r>
      <rPr>
        <sz val="8"/>
        <rFont val="HG丸ｺﾞｼｯｸM-PRO"/>
        <family val="3"/>
        <charset val="128"/>
      </rPr>
      <t>（八代市・以外）</t>
    </r>
    <r>
      <rPr>
        <sz val="9"/>
        <rFont val="HG丸ｺﾞｼｯｸM-PRO"/>
        <family val="3"/>
        <charset val="128"/>
      </rPr>
      <t xml:space="preserve">
    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学校・園等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税務署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法務局　□裁判所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その他（　　　　　　　　　　　　　　）</t>
    </r>
    <rPh sb="46" eb="47">
      <t>タメ</t>
    </rPh>
    <rPh sb="53" eb="56">
      <t>ヤツシロシ</t>
    </rPh>
    <rPh sb="58" eb="59">
      <t>タ</t>
    </rPh>
    <rPh sb="59" eb="62">
      <t>シチョウソン</t>
    </rPh>
    <rPh sb="64" eb="66">
      <t>クマモト</t>
    </rPh>
    <rPh sb="66" eb="67">
      <t>ケン</t>
    </rPh>
    <rPh sb="69" eb="70">
      <t>デ</t>
    </rPh>
    <rPh sb="72" eb="74">
      <t>ザイリュウ</t>
    </rPh>
    <rPh sb="74" eb="76">
      <t>カンリ</t>
    </rPh>
    <rPh sb="76" eb="77">
      <t>キョク</t>
    </rPh>
    <rPh sb="79" eb="81">
      <t>ソウゾク</t>
    </rPh>
    <rPh sb="82" eb="84">
      <t>テツヅ</t>
    </rPh>
    <rPh sb="107" eb="108">
      <t>エン</t>
    </rPh>
    <phoneticPr fontId="6"/>
  </si>
  <si>
    <r>
      <t>職員記入欄　</t>
    </r>
    <r>
      <rPr>
        <sz val="9"/>
        <rFont val="HG丸ｺﾞｼｯｸM-PRO"/>
        <family val="3"/>
        <charset val="128"/>
      </rPr>
      <t>※この欄は記入しないでください。</t>
    </r>
    <rPh sb="0" eb="2">
      <t>ショクイン</t>
    </rPh>
    <rPh sb="2" eb="4">
      <t>キニュウ</t>
    </rPh>
    <rPh sb="4" eb="5">
      <t>ラン</t>
    </rPh>
    <rPh sb="9" eb="10">
      <t>ラン</t>
    </rPh>
    <rPh sb="11" eb="13">
      <t>キニュウ</t>
    </rPh>
    <phoneticPr fontId="6"/>
  </si>
  <si>
    <t>受付／交付者</t>
    <rPh sb="0" eb="2">
      <t>ウケツケ</t>
    </rPh>
    <rPh sb="3" eb="5">
      <t>コウフ</t>
    </rPh>
    <rPh sb="5" eb="6">
      <t>シャ</t>
    </rPh>
    <phoneticPr fontId="6"/>
  </si>
  <si>
    <t>本人確認欄</t>
    <rPh sb="0" eb="2">
      <t>ホンニン</t>
    </rPh>
    <rPh sb="2" eb="4">
      <t>カクニン</t>
    </rPh>
    <rPh sb="4" eb="5">
      <t>ラン</t>
    </rPh>
    <phoneticPr fontId="6"/>
  </si>
  <si>
    <t>発行した証明書の種別</t>
    <rPh sb="0" eb="2">
      <t>ハッコウ</t>
    </rPh>
    <rPh sb="4" eb="7">
      <t>ショウメイショ</t>
    </rPh>
    <rPh sb="8" eb="10">
      <t>シュベツ</t>
    </rPh>
    <phoneticPr fontId="6"/>
  </si>
  <si>
    <t>枚数・金額等</t>
    <rPh sb="0" eb="2">
      <t>マイスウ</t>
    </rPh>
    <rPh sb="3" eb="5">
      <t>キンガク</t>
    </rPh>
    <rPh sb="5" eb="6">
      <t>トウ</t>
    </rPh>
    <phoneticPr fontId="6"/>
  </si>
  <si>
    <t>／</t>
    <phoneticPr fontId="6"/>
  </si>
  <si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運転免許証　</t>
    </r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保険証</t>
    </r>
    <rPh sb="1" eb="3">
      <t>ウンテン</t>
    </rPh>
    <rPh sb="3" eb="6">
      <t>メンキョショウ</t>
    </rPh>
    <rPh sb="8" eb="11">
      <t>ホケンショウ</t>
    </rPh>
    <phoneticPr fontId="6"/>
  </si>
  <si>
    <t>１枚／　300円</t>
    <phoneticPr fontId="6"/>
  </si>
  <si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パスポート　</t>
    </r>
    <r>
      <rPr>
        <sz val="9"/>
        <color indexed="23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在留カード</t>
    </r>
    <rPh sb="8" eb="10">
      <t>ザイリュウ</t>
    </rPh>
    <phoneticPr fontId="6"/>
  </si>
  <si>
    <t>２枚／　600円</t>
    <phoneticPr fontId="6"/>
  </si>
  <si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マイナンバーカード　□補助者証</t>
    </r>
    <rPh sb="12" eb="15">
      <t>ホジョシャ</t>
    </rPh>
    <phoneticPr fontId="6"/>
  </si>
  <si>
    <t>３枚／　900円</t>
    <phoneticPr fontId="6"/>
  </si>
  <si>
    <t>使用枚数　　　枚</t>
    <rPh sb="0" eb="2">
      <t>シヨウ</t>
    </rPh>
    <rPh sb="2" eb="4">
      <t>マイスウ</t>
    </rPh>
    <rPh sb="7" eb="8">
      <t>マイ</t>
    </rPh>
    <phoneticPr fontId="6"/>
  </si>
  <si>
    <r>
      <rPr>
        <sz val="9"/>
        <color indexed="55"/>
        <rFont val="HG丸ｺﾞｼｯｸM-PRO"/>
        <family val="3"/>
        <charset val="128"/>
      </rPr>
      <t>□</t>
    </r>
    <r>
      <rPr>
        <sz val="9"/>
        <rFont val="HG丸ｺﾞｼｯｸM-PRO"/>
        <family val="3"/>
        <charset val="128"/>
      </rPr>
      <t>その他（　　　　　　　　　　）</t>
    </r>
    <rPh sb="3" eb="4">
      <t>タ</t>
    </rPh>
    <phoneticPr fontId="6"/>
  </si>
  <si>
    <t>　　／ 　　　円</t>
    <phoneticPr fontId="6"/>
  </si>
  <si>
    <r>
      <t xml:space="preserve"> </t>
    </r>
    <r>
      <rPr>
        <sz val="12"/>
        <color indexed="55"/>
        <rFont val="HG丸ｺﾞｼｯｸM-PRO"/>
        <family val="3"/>
        <charset val="128"/>
      </rPr>
      <t>□</t>
    </r>
    <r>
      <rPr>
        <sz val="11"/>
        <rFont val="HG丸ｺﾞｼｯｸM-PRO"/>
        <family val="3"/>
        <charset val="128"/>
      </rPr>
      <t>最新</t>
    </r>
    <rPh sb="2" eb="4">
      <t>サイシン</t>
    </rPh>
    <phoneticPr fontId="6"/>
  </si>
  <si>
    <t>旧住所</t>
    <rPh sb="0" eb="3">
      <t>キュウジュウショ</t>
    </rPh>
    <phoneticPr fontId="3"/>
  </si>
  <si>
    <r>
      <t xml:space="preserve"> ◆</t>
    </r>
    <r>
      <rPr>
        <b/>
        <sz val="12"/>
        <rFont val="ＭＳ 明朝"/>
        <family val="1"/>
        <charset val="128"/>
      </rPr>
      <t>亡くなられた方の証明</t>
    </r>
    <r>
      <rPr>
        <sz val="12"/>
        <rFont val="ＭＳ 明朝"/>
        <family val="1"/>
        <charset val="128"/>
      </rPr>
      <t>が必要な場合は、</t>
    </r>
    <r>
      <rPr>
        <b/>
        <sz val="12"/>
        <rFont val="ＭＳ 明朝"/>
        <family val="1"/>
        <charset val="128"/>
      </rPr>
      <t>相続人であること</t>
    </r>
    <r>
      <rPr>
        <sz val="12"/>
        <rFont val="ＭＳ 明朝"/>
        <family val="1"/>
        <charset val="128"/>
      </rPr>
      <t>及び</t>
    </r>
    <r>
      <rPr>
        <b/>
        <sz val="12"/>
        <rFont val="ＭＳ 明朝"/>
        <family val="1"/>
        <charset val="128"/>
      </rPr>
      <t>亡くなられたことがわかる戸籍謄本等の提示が必要</t>
    </r>
    <r>
      <rPr>
        <sz val="12"/>
        <rFont val="ＭＳ 明朝"/>
        <family val="1"/>
        <charset val="128"/>
      </rPr>
      <t>です。</t>
    </r>
    <phoneticPr fontId="6"/>
  </si>
  <si>
    <t>　八代市</t>
    <rPh sb="1" eb="4">
      <t>ヤツシロシ</t>
    </rPh>
    <phoneticPr fontId="3"/>
  </si>
  <si>
    <r>
      <t xml:space="preserve">　※ </t>
    </r>
    <r>
      <rPr>
        <b/>
        <sz val="10"/>
        <rFont val="HG丸ｺﾞｼｯｸM-PRO"/>
        <family val="3"/>
        <charset val="128"/>
      </rPr>
      <t>委任状は、証明を必要とされる方の直筆のものに限ります。（３か月以内のもの）</t>
    </r>
    <r>
      <rPr>
        <sz val="10"/>
        <rFont val="HG丸ｺﾞｼｯｸM-PRO"/>
        <family val="3"/>
        <charset val="128"/>
      </rPr>
      <t xml:space="preserve">
　※ ❷資産証明については、本人以外の請求は、委任状が必要となります。　 
　※ ❶所得 ❸納税証明については、住民票上同世帯の方なら委任状は不要です。</t>
    </r>
    <rPh sb="3" eb="6">
      <t>イニンジョウ</t>
    </rPh>
    <rPh sb="25" eb="26">
      <t>カギ</t>
    </rPh>
    <rPh sb="33" eb="34">
      <t>ゲツ</t>
    </rPh>
    <rPh sb="34" eb="36">
      <t>イナイ</t>
    </rPh>
    <rPh sb="45" eb="47">
      <t>シサン</t>
    </rPh>
    <rPh sb="47" eb="49">
      <t>ショウメイ</t>
    </rPh>
    <rPh sb="55" eb="57">
      <t>ホンニン</t>
    </rPh>
    <rPh sb="83" eb="85">
      <t>ショトク</t>
    </rPh>
    <rPh sb="87" eb="89">
      <t>ノウゼイ</t>
    </rPh>
    <rPh sb="89" eb="91">
      <t>ショウメイ</t>
    </rPh>
    <rPh sb="97" eb="100">
      <t>ジュウミンヒョウ</t>
    </rPh>
    <rPh sb="100" eb="101">
      <t>ジョウ</t>
    </rPh>
    <rPh sb="101" eb="102">
      <t>ドウ</t>
    </rPh>
    <rPh sb="102" eb="104">
      <t>セタイ</t>
    </rPh>
    <rPh sb="105" eb="106">
      <t>カタ</t>
    </rPh>
    <rPh sb="108" eb="111">
      <t>イニンジョウ</t>
    </rPh>
    <rPh sb="112" eb="114">
      <t>フヨウ</t>
    </rPh>
    <phoneticPr fontId="6"/>
  </si>
  <si>
    <r>
      <t>必要な証明に○または</t>
    </r>
    <r>
      <rPr>
        <b/>
        <sz val="14"/>
        <rFont val="HG丸ｺﾞｼｯｸM-PRO"/>
        <family val="3"/>
        <charset val="128"/>
      </rPr>
      <t>✔</t>
    </r>
    <r>
      <rPr>
        <sz val="14"/>
        <rFont val="HG丸ｺﾞｼｯｸM-PRO"/>
        <family val="3"/>
        <charset val="128"/>
      </rPr>
      <t>印をつけ、必要事項をご記入ください。</t>
    </r>
    <rPh sb="16" eb="18">
      <t>ヒツヨウ</t>
    </rPh>
    <rPh sb="18" eb="20">
      <t>ジコウ</t>
    </rPh>
    <rPh sb="22" eb="24">
      <t>キニュウ</t>
    </rPh>
    <phoneticPr fontId="6"/>
  </si>
  <si>
    <t>必要物</t>
    <rPh sb="0" eb="2">
      <t>ヒツヨウ</t>
    </rPh>
    <rPh sb="2" eb="3">
      <t>ブツ</t>
    </rPh>
    <phoneticPr fontId="6"/>
  </si>
  <si>
    <t>❸納税証明書</t>
    <rPh sb="1" eb="3">
      <t>ノウゼイ</t>
    </rPh>
    <rPh sb="3" eb="6">
      <t>ショウメイショ</t>
    </rPh>
    <phoneticPr fontId="6"/>
  </si>
  <si>
    <t>❹車検用納税証明書</t>
    <rPh sb="1" eb="4">
      <t>シャケンヨウ</t>
    </rPh>
    <rPh sb="4" eb="6">
      <t>ノウゼイ</t>
    </rPh>
    <rPh sb="6" eb="9">
      <t>ショウメイショ</t>
    </rPh>
    <phoneticPr fontId="6"/>
  </si>
  <si>
    <r>
      <t>❺法人等の証明　　　</t>
    </r>
    <r>
      <rPr>
        <sz val="11"/>
        <rFont val="HG丸ｺﾞｼｯｸM-PRO"/>
        <family val="3"/>
        <charset val="128"/>
      </rPr>
      <t xml:space="preserve"> </t>
    </r>
    <r>
      <rPr>
        <sz val="12"/>
        <rFont val="HG丸ｺﾞｼｯｸM-PRO"/>
        <family val="3"/>
        <charset val="128"/>
      </rPr>
      <t/>
    </r>
    <rPh sb="1" eb="4">
      <t>ホウジントウ</t>
    </rPh>
    <rPh sb="5" eb="7">
      <t>ショウメイ</t>
    </rPh>
    <phoneticPr fontId="6"/>
  </si>
  <si>
    <t>❻その他の証明</t>
    <rPh sb="3" eb="4">
      <t>タ</t>
    </rPh>
    <rPh sb="5" eb="7">
      <t>ショウメイ</t>
    </rPh>
    <phoneticPr fontId="6"/>
  </si>
  <si>
    <r>
      <t>❶所得課税証明書</t>
    </r>
    <r>
      <rPr>
        <b/>
        <sz val="14"/>
        <rFont val="HG丸ｺﾞｼｯｸM-PRO"/>
        <family val="3"/>
        <charset val="128"/>
      </rPr>
      <t xml:space="preserve"> </t>
    </r>
    <r>
      <rPr>
        <b/>
        <sz val="10"/>
        <rFont val="HG丸ｺﾞｼｯｸM-PRO"/>
        <family val="3"/>
        <charset val="128"/>
      </rPr>
      <t>(新年度：6月1日～）</t>
    </r>
    <rPh sb="1" eb="3">
      <t>ショトク</t>
    </rPh>
    <rPh sb="3" eb="5">
      <t>カゼイ</t>
    </rPh>
    <rPh sb="5" eb="6">
      <t>メイ</t>
    </rPh>
    <rPh sb="6" eb="7">
      <t>ショ</t>
    </rPh>
    <rPh sb="10" eb="13">
      <t>シンネンド</t>
    </rPh>
    <rPh sb="15" eb="16">
      <t>ガツ</t>
    </rPh>
    <rPh sb="17" eb="18">
      <t>ニチ</t>
    </rPh>
    <phoneticPr fontId="6"/>
  </si>
  <si>
    <t>※❸に同じ</t>
    <rPh sb="3" eb="4">
      <t>オナ</t>
    </rPh>
    <phoneticPr fontId="6"/>
  </si>
  <si>
    <t>大・昭
平・令</t>
    <rPh sb="6" eb="7">
      <t>レイ</t>
    </rPh>
    <phoneticPr fontId="6"/>
  </si>
  <si>
    <t>大・昭
平・令</t>
    <phoneticPr fontId="6"/>
  </si>
  <si>
    <r>
      <t>❷資産証明書</t>
    </r>
    <r>
      <rPr>
        <sz val="8"/>
        <rFont val="HG丸ｺﾞｼｯｸM-PRO"/>
        <family val="3"/>
        <charset val="128"/>
      </rPr>
      <t>※1月1日現在分（新年度：4月1日</t>
    </r>
    <r>
      <rPr>
        <sz val="6"/>
        <rFont val="HG丸ｺﾞｼｯｸM-PRO"/>
        <family val="3"/>
        <charset val="128"/>
      </rPr>
      <t>～</t>
    </r>
    <r>
      <rPr>
        <sz val="8"/>
        <rFont val="HG丸ｺﾞｼｯｸM-PRO"/>
        <family val="3"/>
        <charset val="128"/>
      </rPr>
      <t>）</t>
    </r>
    <r>
      <rPr>
        <sz val="14"/>
        <rFont val="HG丸ｺﾞｼｯｸM-PRO"/>
        <family val="3"/>
        <charset val="128"/>
      </rPr>
      <t xml:space="preserve">
</t>
    </r>
    <r>
      <rPr>
        <sz val="11"/>
        <rFont val="HG丸ｺﾞｼｯｸM-PRO"/>
        <family val="3"/>
        <charset val="128"/>
      </rPr>
      <t xml:space="preserve"> □名寄帳兼課税台帳　 □資産証明
 </t>
    </r>
    <r>
      <rPr>
        <sz val="12"/>
        <color indexed="55"/>
        <rFont val="HG丸ｺﾞｼｯｸM-PRO"/>
        <family val="3"/>
        <charset val="128"/>
      </rPr>
      <t>□</t>
    </r>
    <r>
      <rPr>
        <sz val="11"/>
        <rFont val="HG丸ｺﾞｼｯｸM-PRO"/>
        <family val="3"/>
        <charset val="128"/>
      </rPr>
      <t xml:space="preserve">評価証明　 </t>
    </r>
    <r>
      <rPr>
        <sz val="12"/>
        <color indexed="55"/>
        <rFont val="HG丸ｺﾞｼｯｸM-PRO"/>
        <family val="3"/>
        <charset val="128"/>
      </rPr>
      <t>□</t>
    </r>
    <r>
      <rPr>
        <sz val="11"/>
        <rFont val="HG丸ｺﾞｼｯｸM-PRO"/>
        <family val="3"/>
        <charset val="128"/>
      </rPr>
      <t xml:space="preserve">公課証明　 </t>
    </r>
    <r>
      <rPr>
        <sz val="12"/>
        <color indexed="55"/>
        <rFont val="HG丸ｺﾞｼｯｸM-PRO"/>
        <family val="3"/>
        <charset val="128"/>
      </rPr>
      <t>□</t>
    </r>
    <r>
      <rPr>
        <sz val="11"/>
        <rFont val="HG丸ｺﾞｼｯｸM-PRO"/>
        <family val="3"/>
        <charset val="128"/>
      </rPr>
      <t xml:space="preserve">無資産
 </t>
    </r>
    <r>
      <rPr>
        <sz val="12"/>
        <color indexed="55"/>
        <rFont val="HG丸ｺﾞｼｯｸM-PRO"/>
        <family val="3"/>
        <charset val="128"/>
      </rPr>
      <t>□</t>
    </r>
    <r>
      <rPr>
        <sz val="11"/>
        <rFont val="HG丸ｺﾞｼｯｸM-PRO"/>
        <family val="3"/>
        <charset val="128"/>
      </rPr>
      <t>その他（　　　　　　　　　　　　　　）</t>
    </r>
    <rPh sb="1" eb="3">
      <t>シサン</t>
    </rPh>
    <rPh sb="3" eb="6">
      <t>ショウメイショ</t>
    </rPh>
    <rPh sb="15" eb="18">
      <t>シンネンド</t>
    </rPh>
    <rPh sb="28" eb="31">
      <t>ナヨセチョウ</t>
    </rPh>
    <rPh sb="31" eb="32">
      <t>ケン</t>
    </rPh>
    <rPh sb="32" eb="34">
      <t>カゼイ</t>
    </rPh>
    <rPh sb="34" eb="36">
      <t>ダイチョウ</t>
    </rPh>
    <rPh sb="39" eb="41">
      <t>シサン</t>
    </rPh>
    <rPh sb="45" eb="47">
      <t>ショウメイ</t>
    </rPh>
    <rPh sb="50" eb="52">
      <t>コウカ</t>
    </rPh>
    <rPh sb="52" eb="54">
      <t>ショウメイ</t>
    </rPh>
    <rPh sb="63" eb="65">
      <t>シサン</t>
    </rPh>
    <rPh sb="68" eb="69">
      <t>タ</t>
    </rPh>
    <phoneticPr fontId="6"/>
  </si>
  <si>
    <r>
      <t>　</t>
    </r>
    <r>
      <rPr>
        <sz val="14"/>
        <color indexed="55"/>
        <rFont val="HG丸ｺﾞｼｯｸM-PRO"/>
        <family val="3"/>
        <charset val="128"/>
      </rPr>
      <t>□</t>
    </r>
    <r>
      <rPr>
        <sz val="13"/>
        <rFont val="HG丸ｺﾞｼｯｸM-PRO"/>
        <family val="3"/>
        <charset val="128"/>
      </rPr>
      <t>死亡による法定相続人(続柄</t>
    </r>
    <rPh sb="2" eb="4">
      <t>シボウ</t>
    </rPh>
    <rPh sb="7" eb="9">
      <t>ホウテイ</t>
    </rPh>
    <rPh sb="9" eb="11">
      <t>ソウゾク</t>
    </rPh>
    <rPh sb="11" eb="12">
      <t>ニン</t>
    </rPh>
    <phoneticPr fontId="6"/>
  </si>
  <si>
    <t>　</t>
    <phoneticPr fontId="6"/>
  </si>
  <si>
    <t xml:space="preserve">  □同じ世帯の方</t>
  </si>
  <si>
    <t>)</t>
    <phoneticPr fontId="6"/>
  </si>
  <si>
    <t xml:space="preserve"> □完納証明書（滞納がない証明書、税額表示なし）</t>
    <rPh sb="17" eb="19">
      <t>ゼイガク</t>
    </rPh>
    <rPh sb="19" eb="21">
      <t>ヒョウジ</t>
    </rPh>
    <phoneticPr fontId="6"/>
  </si>
  <si>
    <r>
      <rPr>
        <sz val="8"/>
        <color indexed="55"/>
        <rFont val="HG丸ｺﾞｼｯｸM-PRO"/>
        <family val="3"/>
        <charset val="128"/>
      </rPr>
      <t>□</t>
    </r>
    <r>
      <rPr>
        <sz val="8"/>
        <rFont val="HG丸ｺﾞｼｯｸM-PRO"/>
        <family val="3"/>
        <charset val="128"/>
      </rPr>
      <t>所得証明書</t>
    </r>
    <r>
      <rPr>
        <sz val="7.5"/>
        <rFont val="HG丸ｺﾞｼｯｸM-PRO"/>
        <family val="3"/>
        <charset val="128"/>
      </rPr>
      <t>（個・免・狩・営）</t>
    </r>
    <r>
      <rPr>
        <sz val="8"/>
        <rFont val="HG丸ｺﾞｼｯｸM-PRO"/>
        <family val="3"/>
        <charset val="128"/>
      </rPr>
      <t xml:space="preserve">
</t>
    </r>
    <r>
      <rPr>
        <sz val="8"/>
        <color indexed="55"/>
        <rFont val="HG丸ｺﾞｼｯｸM-PRO"/>
        <family val="3"/>
        <charset val="128"/>
      </rPr>
      <t>□</t>
    </r>
    <r>
      <rPr>
        <sz val="8"/>
        <rFont val="HG丸ｺﾞｼｯｸM-PRO"/>
        <family val="3"/>
        <charset val="128"/>
      </rPr>
      <t xml:space="preserve">資産証明書（名・資・評・公・無・償）
</t>
    </r>
    <r>
      <rPr>
        <sz val="8"/>
        <color indexed="55"/>
        <rFont val="HG丸ｺﾞｼｯｸM-PRO"/>
        <family val="3"/>
        <charset val="128"/>
      </rPr>
      <t>□</t>
    </r>
    <r>
      <rPr>
        <sz val="8"/>
        <rFont val="HG丸ｺﾞｼｯｸM-PRO"/>
        <family val="3"/>
        <charset val="128"/>
      </rPr>
      <t xml:space="preserve">納税証明書（個人・法人／納・完）
</t>
    </r>
    <r>
      <rPr>
        <sz val="8"/>
        <color indexed="55"/>
        <rFont val="HG丸ｺﾞｼｯｸM-PRO"/>
        <family val="3"/>
        <charset val="128"/>
      </rPr>
      <t>□</t>
    </r>
    <r>
      <rPr>
        <sz val="8"/>
        <rFont val="HG丸ｺﾞｼｯｸM-PRO"/>
        <family val="3"/>
        <charset val="128"/>
      </rPr>
      <t>車検用納税証明書（無料）</t>
    </r>
    <rPh sb="1" eb="3">
      <t>ショトク</t>
    </rPh>
    <rPh sb="3" eb="6">
      <t>ショウメイショ</t>
    </rPh>
    <rPh sb="7" eb="8">
      <t>コ</t>
    </rPh>
    <rPh sb="9" eb="10">
      <t>メン</t>
    </rPh>
    <rPh sb="11" eb="12">
      <t>カリ</t>
    </rPh>
    <rPh sb="13" eb="14">
      <t>エイ</t>
    </rPh>
    <rPh sb="23" eb="24">
      <t>ナ</t>
    </rPh>
    <rPh sb="25" eb="26">
      <t>シ</t>
    </rPh>
    <rPh sb="27" eb="28">
      <t>ヒョウ</t>
    </rPh>
    <rPh sb="33" eb="34">
      <t>ショウ</t>
    </rPh>
    <rPh sb="43" eb="45">
      <t>コジン</t>
    </rPh>
    <rPh sb="46" eb="48">
      <t>ホウジン</t>
    </rPh>
    <rPh sb="49" eb="50">
      <t>オサメ</t>
    </rPh>
    <rPh sb="51" eb="52">
      <t>カン</t>
    </rPh>
    <rPh sb="55" eb="58">
      <t>シャケンヨウ</t>
    </rPh>
    <rPh sb="64" eb="66">
      <t>ムリョウ</t>
    </rPh>
    <phoneticPr fontId="6"/>
  </si>
  <si>
    <t>部
枚
部
部</t>
    <rPh sb="0" eb="1">
      <t>ブ</t>
    </rPh>
    <rPh sb="2" eb="3">
      <t>マイ</t>
    </rPh>
    <rPh sb="4" eb="5">
      <t>ブ</t>
    </rPh>
    <rPh sb="6" eb="7">
      <t>ブ</t>
    </rPh>
    <phoneticPr fontId="6"/>
  </si>
  <si>
    <r>
      <t xml:space="preserve"> </t>
    </r>
    <r>
      <rPr>
        <sz val="12"/>
        <color indexed="55"/>
        <rFont val="HG丸ｺﾞｼｯｸM-PRO"/>
        <family val="3"/>
        <charset val="128"/>
      </rPr>
      <t>□</t>
    </r>
    <r>
      <rPr>
        <sz val="12"/>
        <rFont val="HG丸ｺﾞｼｯｸM-PRO"/>
        <family val="3"/>
        <charset val="128"/>
      </rPr>
      <t>最新</t>
    </r>
    <r>
      <rPr>
        <sz val="8"/>
        <rFont val="HG丸ｺﾞｼｯｸM-PRO"/>
        <family val="3"/>
        <charset val="128"/>
      </rPr>
      <t>(8年度7年分)</t>
    </r>
    <rPh sb="2" eb="4">
      <t>サイシン</t>
    </rPh>
    <phoneticPr fontId="6"/>
  </si>
  <si>
    <r>
      <t xml:space="preserve"> □納税証明書【</t>
    </r>
    <r>
      <rPr>
        <sz val="11"/>
        <rFont val="HG丸ｺﾞｼｯｸM-PRO"/>
        <family val="3"/>
        <charset val="128"/>
      </rPr>
      <t xml:space="preserve"> □最新(8年度分)      □指定（    　　　   年度）】 </t>
    </r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name val="HG丸ｺﾞｼｯｸM-PRO"/>
      <family val="3"/>
      <charset val="128"/>
    </font>
    <font>
      <sz val="6"/>
      <name val="游ゴシック"/>
      <family val="2"/>
      <charset val="128"/>
      <scheme val="minor"/>
    </font>
    <font>
      <sz val="16"/>
      <name val="HG丸ｺﾞｼｯｸM-PRO"/>
      <family val="3"/>
      <charset val="128"/>
    </font>
    <font>
      <sz val="15"/>
      <name val="HG丸ｺﾞｼｯｸM-PRO"/>
      <family val="3"/>
      <charset val="128"/>
    </font>
    <font>
      <sz val="6"/>
      <name val="ＭＳ Ｐゴシック"/>
      <family val="3"/>
      <charset val="128"/>
    </font>
    <font>
      <sz val="12"/>
      <name val="HG丸ｺﾞｼｯｸM-PRO"/>
      <family val="3"/>
      <charset val="128"/>
    </font>
    <font>
      <b/>
      <sz val="14"/>
      <name val="HG丸ｺﾞｼｯｸM-PRO"/>
      <family val="3"/>
      <charset val="128"/>
    </font>
    <font>
      <b/>
      <sz val="16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9"/>
      <name val="HG丸ｺﾞｼｯｸM-PRO"/>
      <family val="3"/>
      <charset val="128"/>
    </font>
    <font>
      <sz val="11"/>
      <name val="HG丸ｺﾞｼｯｸM-PRO"/>
      <family val="3"/>
      <charset val="128"/>
    </font>
    <font>
      <sz val="12"/>
      <color theme="0"/>
      <name val="HG丸ｺﾞｼｯｸM-PRO"/>
      <family val="3"/>
      <charset val="128"/>
    </font>
    <font>
      <b/>
      <sz val="12"/>
      <name val="HG丸ｺﾞｼｯｸM-PRO"/>
      <family val="3"/>
      <charset val="128"/>
    </font>
    <font>
      <sz val="13"/>
      <name val="HG丸ｺﾞｼｯｸM-PRO"/>
      <family val="3"/>
      <charset val="128"/>
    </font>
    <font>
      <sz val="14"/>
      <color indexed="55"/>
      <name val="HG丸ｺﾞｼｯｸM-PRO"/>
      <family val="3"/>
      <charset val="128"/>
    </font>
    <font>
      <b/>
      <sz val="10"/>
      <name val="HG丸ｺﾞｼｯｸM-PRO"/>
      <family val="3"/>
      <charset val="128"/>
    </font>
    <font>
      <sz val="12"/>
      <color indexed="55"/>
      <name val="HG丸ｺﾞｼｯｸM-PRO"/>
      <family val="3"/>
      <charset val="128"/>
    </font>
    <font>
      <sz val="8"/>
      <name val="HG丸ｺﾞｼｯｸM-PRO"/>
      <family val="3"/>
      <charset val="128"/>
    </font>
    <font>
      <b/>
      <sz val="9"/>
      <name val="HG丸ｺﾞｼｯｸM-PRO"/>
      <family val="3"/>
      <charset val="128"/>
    </font>
    <font>
      <b/>
      <sz val="6"/>
      <name val="HG丸ｺﾞｼｯｸM-PRO"/>
      <family val="3"/>
      <charset val="128"/>
    </font>
    <font>
      <b/>
      <sz val="8"/>
      <name val="HG丸ｺﾞｼｯｸM-PRO"/>
      <family val="3"/>
      <charset val="128"/>
    </font>
    <font>
      <sz val="11"/>
      <color indexed="55"/>
      <name val="HG丸ｺﾞｼｯｸM-PRO"/>
      <family val="3"/>
      <charset val="128"/>
    </font>
    <font>
      <sz val="9"/>
      <color indexed="55"/>
      <name val="HG丸ｺﾞｼｯｸM-PRO"/>
      <family val="3"/>
      <charset val="128"/>
    </font>
    <font>
      <sz val="9"/>
      <color indexed="8"/>
      <name val="HG丸ｺﾞｼｯｸM-PRO"/>
      <family val="3"/>
      <charset val="128"/>
    </font>
    <font>
      <sz val="8"/>
      <color indexed="55"/>
      <name val="HG丸ｺﾞｼｯｸM-PRO"/>
      <family val="3"/>
      <charset val="128"/>
    </font>
    <font>
      <sz val="7.5"/>
      <name val="HG丸ｺﾞｼｯｸM-PRO"/>
      <family val="3"/>
      <charset val="128"/>
    </font>
    <font>
      <sz val="9"/>
      <color indexed="23"/>
      <name val="HG丸ｺﾞｼｯｸM-PRO"/>
      <family val="3"/>
      <charset val="128"/>
    </font>
    <font>
      <sz val="6"/>
      <name val="HG丸ｺﾞｼｯｸM-PRO"/>
      <family val="3"/>
      <charset val="128"/>
    </font>
    <font>
      <sz val="12"/>
      <name val="ＭＳ 明朝"/>
      <family val="1"/>
      <charset val="128"/>
    </font>
    <font>
      <b/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9">
    <border>
      <left/>
      <right/>
      <top/>
      <bottom/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/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ck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 style="thick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theme="0" tint="-0.24994659260841701"/>
      </left>
      <right/>
      <top/>
      <bottom style="thin">
        <color indexed="64"/>
      </bottom>
      <diagonal/>
    </border>
    <border>
      <left/>
      <right style="dotted">
        <color theme="0" tint="-0.24994659260841701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dashDotDot">
        <color indexed="64"/>
      </bottom>
      <diagonal/>
    </border>
    <border>
      <left/>
      <right/>
      <top style="thick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269">
    <xf numFmtId="0" fontId="0" fillId="0" borderId="0" xfId="0"/>
    <xf numFmtId="0" fontId="2" fillId="0" borderId="0" xfId="1" applyFont="1">
      <alignment vertical="center"/>
    </xf>
    <xf numFmtId="0" fontId="4" fillId="0" borderId="0" xfId="1" applyFont="1">
      <alignment vertical="center"/>
    </xf>
    <xf numFmtId="0" fontId="2" fillId="0" borderId="0" xfId="1" applyFont="1" applyAlignment="1">
      <alignment horizontal="right" vertical="center"/>
    </xf>
    <xf numFmtId="0" fontId="7" fillId="0" borderId="0" xfId="1" applyFont="1">
      <alignment vertical="center"/>
    </xf>
    <xf numFmtId="0" fontId="15" fillId="0" borderId="28" xfId="1" applyFont="1" applyBorder="1" applyAlignment="1">
      <alignment vertical="top"/>
    </xf>
    <xf numFmtId="0" fontId="15" fillId="0" borderId="0" xfId="1" applyFont="1" applyAlignment="1">
      <alignment vertical="top"/>
    </xf>
    <xf numFmtId="0" fontId="15" fillId="0" borderId="0" xfId="1" applyFont="1" applyAlignment="1">
      <alignment horizontal="right" vertical="top"/>
    </xf>
    <xf numFmtId="0" fontId="15" fillId="0" borderId="29" xfId="1" applyFont="1" applyBorder="1" applyAlignment="1">
      <alignment vertical="top"/>
    </xf>
    <xf numFmtId="0" fontId="10" fillId="0" borderId="26" xfId="1" applyFont="1" applyBorder="1" applyAlignment="1">
      <alignment horizontal="left" vertical="center"/>
    </xf>
    <xf numFmtId="0" fontId="7" fillId="0" borderId="39" xfId="1" applyFont="1" applyBorder="1" applyAlignment="1"/>
    <xf numFmtId="0" fontId="2" fillId="0" borderId="0" xfId="0" applyFont="1" applyAlignment="1">
      <alignment vertical="center"/>
    </xf>
    <xf numFmtId="0" fontId="10" fillId="0" borderId="8" xfId="0" applyFont="1" applyBorder="1" applyAlignment="1">
      <alignment horizontal="left" shrinkToFit="1"/>
    </xf>
    <xf numFmtId="0" fontId="10" fillId="0" borderId="8" xfId="0" applyFont="1" applyBorder="1" applyAlignment="1">
      <alignment horizontal="left" vertical="center"/>
    </xf>
    <xf numFmtId="0" fontId="8" fillId="0" borderId="0" xfId="1" applyFont="1">
      <alignment vertical="center"/>
    </xf>
    <xf numFmtId="0" fontId="8" fillId="0" borderId="8" xfId="1" applyFont="1" applyBorder="1">
      <alignment vertical="center"/>
    </xf>
    <xf numFmtId="0" fontId="8" fillId="0" borderId="11" xfId="1" applyFont="1" applyBorder="1">
      <alignment vertical="center"/>
    </xf>
    <xf numFmtId="0" fontId="8" fillId="0" borderId="11" xfId="1" applyFont="1" applyBorder="1" applyProtection="1">
      <alignment vertical="center"/>
      <protection locked="0"/>
    </xf>
    <xf numFmtId="0" fontId="8" fillId="0" borderId="44" xfId="1" applyFont="1" applyBorder="1">
      <alignment vertical="center"/>
    </xf>
    <xf numFmtId="0" fontId="8" fillId="0" borderId="45" xfId="1" applyFont="1" applyBorder="1">
      <alignment vertical="center"/>
    </xf>
    <xf numFmtId="0" fontId="8" fillId="0" borderId="26" xfId="1" applyFont="1" applyBorder="1">
      <alignment vertical="center"/>
    </xf>
    <xf numFmtId="0" fontId="10" fillId="0" borderId="0" xfId="1" applyFont="1">
      <alignment vertical="center"/>
    </xf>
    <xf numFmtId="0" fontId="8" fillId="0" borderId="0" xfId="1" applyFont="1" applyAlignment="1">
      <alignment horizontal="center" vertical="center"/>
    </xf>
    <xf numFmtId="0" fontId="13" fillId="0" borderId="14" xfId="1" applyFont="1" applyBorder="1">
      <alignment vertical="center"/>
    </xf>
    <xf numFmtId="0" fontId="13" fillId="0" borderId="15" xfId="1" applyFont="1" applyBorder="1">
      <alignment vertical="center"/>
    </xf>
    <xf numFmtId="0" fontId="13" fillId="0" borderId="17" xfId="1" applyFont="1" applyBorder="1">
      <alignment vertical="center"/>
    </xf>
    <xf numFmtId="0" fontId="13" fillId="0" borderId="10" xfId="1" applyFont="1" applyBorder="1">
      <alignment vertical="center"/>
    </xf>
    <xf numFmtId="0" fontId="13" fillId="0" borderId="11" xfId="1" applyFont="1" applyBorder="1">
      <alignment vertical="center"/>
    </xf>
    <xf numFmtId="0" fontId="13" fillId="0" borderId="12" xfId="1" applyFont="1" applyBorder="1">
      <alignment vertical="center"/>
    </xf>
    <xf numFmtId="0" fontId="19" fillId="0" borderId="28" xfId="1" applyFont="1" applyBorder="1" applyAlignment="1">
      <alignment vertical="top" wrapText="1"/>
    </xf>
    <xf numFmtId="0" fontId="19" fillId="0" borderId="0" xfId="1" applyFont="1" applyAlignment="1">
      <alignment vertical="top" wrapText="1"/>
    </xf>
    <xf numFmtId="0" fontId="19" fillId="0" borderId="38" xfId="1" applyFont="1" applyBorder="1" applyAlignment="1">
      <alignment vertical="top" wrapText="1"/>
    </xf>
    <xf numFmtId="0" fontId="9" fillId="0" borderId="10" xfId="1" applyFont="1" applyBorder="1" applyAlignment="1" applyProtection="1">
      <alignment horizontal="center" vertical="center"/>
      <protection locked="0"/>
    </xf>
    <xf numFmtId="0" fontId="9" fillId="0" borderId="11" xfId="1" applyFont="1" applyBorder="1" applyAlignment="1" applyProtection="1">
      <alignment horizontal="center" vertical="center"/>
      <protection locked="0"/>
    </xf>
    <xf numFmtId="0" fontId="7" fillId="0" borderId="39" xfId="1" applyFont="1" applyBorder="1" applyAlignment="1">
      <alignment horizontal="center"/>
    </xf>
    <xf numFmtId="0" fontId="7" fillId="0" borderId="55" xfId="1" applyFont="1" applyBorder="1" applyAlignment="1">
      <alignment horizontal="center" vertical="center"/>
    </xf>
    <xf numFmtId="0" fontId="7" fillId="0" borderId="28" xfId="1" applyFont="1" applyBorder="1">
      <alignment vertical="center"/>
    </xf>
    <xf numFmtId="0" fontId="7" fillId="0" borderId="0" xfId="1" applyFont="1" applyBorder="1">
      <alignment vertical="center"/>
    </xf>
    <xf numFmtId="0" fontId="14" fillId="0" borderId="0" xfId="1" applyFont="1" applyBorder="1" applyAlignment="1">
      <alignment vertical="center" wrapText="1"/>
    </xf>
    <xf numFmtId="0" fontId="7" fillId="0" borderId="0" xfId="1" applyFont="1" applyBorder="1" applyAlignment="1">
      <alignment horizontal="center" vertical="center" wrapText="1"/>
    </xf>
    <xf numFmtId="0" fontId="7" fillId="0" borderId="8" xfId="1" applyFont="1" applyBorder="1" applyAlignment="1">
      <alignment horizontal="center" vertical="center" wrapText="1"/>
    </xf>
    <xf numFmtId="0" fontId="15" fillId="0" borderId="0" xfId="1" applyFont="1" applyAlignment="1">
      <alignment vertical="center"/>
    </xf>
    <xf numFmtId="0" fontId="15" fillId="0" borderId="0" xfId="1" applyFont="1" applyAlignment="1">
      <alignment horizontal="right" vertical="center"/>
    </xf>
    <xf numFmtId="0" fontId="15" fillId="0" borderId="14" xfId="1" applyFont="1" applyBorder="1" applyAlignment="1">
      <alignment vertical="center"/>
    </xf>
    <xf numFmtId="0" fontId="15" fillId="0" borderId="15" xfId="1" applyFont="1" applyBorder="1" applyAlignment="1">
      <alignment vertical="center"/>
    </xf>
    <xf numFmtId="0" fontId="7" fillId="0" borderId="15" xfId="1" applyFont="1" applyBorder="1" applyAlignment="1">
      <alignment horizontal="right" vertical="center"/>
    </xf>
    <xf numFmtId="0" fontId="15" fillId="0" borderId="29" xfId="1" applyFont="1" applyBorder="1" applyAlignment="1">
      <alignment vertical="center"/>
    </xf>
    <xf numFmtId="0" fontId="11" fillId="0" borderId="28" xfId="1" applyFont="1" applyBorder="1">
      <alignment vertical="center"/>
    </xf>
    <xf numFmtId="0" fontId="11" fillId="0" borderId="0" xfId="1" applyFont="1">
      <alignment vertical="center"/>
    </xf>
    <xf numFmtId="0" fontId="11" fillId="0" borderId="28" xfId="1" applyFont="1" applyBorder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1" fillId="0" borderId="10" xfId="1" applyFont="1" applyBorder="1" applyAlignment="1">
      <alignment horizontal="center" vertical="center"/>
    </xf>
    <xf numFmtId="0" fontId="11" fillId="0" borderId="26" xfId="1" applyFont="1" applyBorder="1" applyAlignment="1">
      <alignment horizontal="center" vertical="center"/>
    </xf>
    <xf numFmtId="0" fontId="11" fillId="0" borderId="10" xfId="1" applyFont="1" applyBorder="1">
      <alignment vertical="center"/>
    </xf>
    <xf numFmtId="0" fontId="11" fillId="0" borderId="11" xfId="1" applyFont="1" applyBorder="1">
      <alignment vertical="center"/>
    </xf>
    <xf numFmtId="0" fontId="11" fillId="0" borderId="11" xfId="1" applyFont="1" applyBorder="1" applyAlignment="1">
      <alignment horizontal="center" vertical="center"/>
    </xf>
    <xf numFmtId="0" fontId="7" fillId="0" borderId="51" xfId="1" applyFont="1" applyBorder="1" applyAlignment="1">
      <alignment horizontal="center" vertical="center"/>
    </xf>
    <xf numFmtId="0" fontId="12" fillId="0" borderId="36" xfId="1" applyFont="1" applyBorder="1" applyAlignment="1">
      <alignment horizontal="center" vertical="center"/>
    </xf>
    <xf numFmtId="0" fontId="12" fillId="0" borderId="40" xfId="1" applyFont="1" applyBorder="1" applyAlignment="1">
      <alignment horizontal="center" vertical="center"/>
    </xf>
    <xf numFmtId="0" fontId="12" fillId="0" borderId="41" xfId="1" applyFont="1" applyBorder="1" applyAlignment="1">
      <alignment horizontal="center" vertical="center"/>
    </xf>
    <xf numFmtId="0" fontId="12" fillId="0" borderId="43" xfId="1" applyFont="1" applyBorder="1" applyAlignment="1">
      <alignment horizontal="center" vertical="center"/>
    </xf>
    <xf numFmtId="0" fontId="7" fillId="0" borderId="14" xfId="1" applyFont="1" applyBorder="1" applyAlignment="1">
      <alignment horizontal="center" vertical="center"/>
    </xf>
    <xf numFmtId="0" fontId="7" fillId="0" borderId="16" xfId="1" applyFont="1" applyBorder="1" applyAlignment="1">
      <alignment horizontal="center" vertical="center"/>
    </xf>
    <xf numFmtId="0" fontId="7" fillId="0" borderId="28" xfId="1" applyFont="1" applyBorder="1" applyAlignment="1">
      <alignment horizontal="center" vertical="center"/>
    </xf>
    <xf numFmtId="0" fontId="7" fillId="0" borderId="8" xfId="1" applyFont="1" applyBorder="1" applyAlignment="1">
      <alignment horizontal="center" vertical="center"/>
    </xf>
    <xf numFmtId="0" fontId="11" fillId="0" borderId="14" xfId="1" applyFont="1" applyBorder="1">
      <alignment vertical="center"/>
    </xf>
    <xf numFmtId="0" fontId="11" fillId="0" borderId="15" xfId="1" applyFont="1" applyBorder="1">
      <alignment vertical="center"/>
    </xf>
    <xf numFmtId="0" fontId="19" fillId="0" borderId="14" xfId="1" applyFont="1" applyBorder="1" applyAlignment="1">
      <alignment vertical="distributed" wrapText="1"/>
    </xf>
    <xf numFmtId="0" fontId="19" fillId="0" borderId="15" xfId="1" applyFont="1" applyBorder="1" applyAlignment="1">
      <alignment vertical="distributed" wrapText="1"/>
    </xf>
    <xf numFmtId="0" fontId="19" fillId="0" borderId="28" xfId="1" applyFont="1" applyBorder="1" applyAlignment="1">
      <alignment vertical="distributed" wrapText="1"/>
    </xf>
    <xf numFmtId="0" fontId="19" fillId="0" borderId="0" xfId="1" applyFont="1" applyAlignment="1">
      <alignment vertical="distributed" wrapText="1"/>
    </xf>
    <xf numFmtId="0" fontId="19" fillId="0" borderId="10" xfId="1" applyFont="1" applyBorder="1" applyAlignment="1">
      <alignment vertical="distributed" wrapText="1"/>
    </xf>
    <xf numFmtId="0" fontId="19" fillId="0" borderId="11" xfId="1" applyFont="1" applyBorder="1" applyAlignment="1">
      <alignment vertical="distributed" wrapText="1"/>
    </xf>
    <xf numFmtId="0" fontId="19" fillId="0" borderId="16" xfId="1" applyFont="1" applyBorder="1" applyAlignment="1">
      <alignment horizontal="left" vertical="distributed" wrapText="1"/>
    </xf>
    <xf numFmtId="0" fontId="19" fillId="0" borderId="8" xfId="1" applyFont="1" applyBorder="1" applyAlignment="1">
      <alignment horizontal="left" vertical="distributed" wrapText="1"/>
    </xf>
    <xf numFmtId="0" fontId="19" fillId="0" borderId="26" xfId="1" applyFont="1" applyBorder="1" applyAlignment="1">
      <alignment horizontal="left" vertical="distributed" wrapText="1"/>
    </xf>
    <xf numFmtId="0" fontId="11" fillId="0" borderId="14" xfId="1" applyFont="1" applyBorder="1" applyAlignment="1">
      <alignment horizontal="center" vertical="center"/>
    </xf>
    <xf numFmtId="0" fontId="11" fillId="0" borderId="15" xfId="1" applyFont="1" applyBorder="1" applyAlignment="1">
      <alignment horizontal="center" vertical="center"/>
    </xf>
    <xf numFmtId="0" fontId="11" fillId="0" borderId="16" xfId="1" applyFont="1" applyBorder="1" applyAlignment="1">
      <alignment horizontal="center" vertical="center"/>
    </xf>
    <xf numFmtId="0" fontId="19" fillId="0" borderId="14" xfId="1" applyFont="1" applyBorder="1" applyAlignment="1">
      <alignment vertical="top" wrapText="1"/>
    </xf>
    <xf numFmtId="0" fontId="19" fillId="0" borderId="15" xfId="1" applyFont="1" applyBorder="1" applyAlignment="1">
      <alignment vertical="top" wrapText="1"/>
    </xf>
    <xf numFmtId="0" fontId="19" fillId="0" borderId="37" xfId="1" applyFont="1" applyBorder="1" applyAlignment="1">
      <alignment vertical="top" wrapText="1"/>
    </xf>
    <xf numFmtId="0" fontId="9" fillId="0" borderId="10" xfId="1" applyFont="1" applyBorder="1" applyAlignment="1" applyProtection="1">
      <alignment horizontal="center" vertical="center"/>
      <protection locked="0"/>
    </xf>
    <xf numFmtId="0" fontId="9" fillId="0" borderId="11" xfId="1" applyFont="1" applyBorder="1" applyAlignment="1" applyProtection="1">
      <alignment horizontal="center" vertical="center"/>
      <protection locked="0"/>
    </xf>
    <xf numFmtId="0" fontId="2" fillId="0" borderId="46" xfId="1" applyFont="1" applyBorder="1" applyAlignment="1">
      <alignment horizontal="center" vertical="center" wrapText="1"/>
    </xf>
    <xf numFmtId="0" fontId="2" fillId="0" borderId="47" xfId="1" applyFont="1" applyBorder="1" applyAlignment="1">
      <alignment horizontal="center" vertical="center" wrapText="1"/>
    </xf>
    <xf numFmtId="0" fontId="11" fillId="0" borderId="48" xfId="1" applyFont="1" applyBorder="1" applyAlignment="1" applyProtection="1">
      <alignment horizontal="left" vertical="center" wrapText="1"/>
      <protection locked="0"/>
    </xf>
    <xf numFmtId="0" fontId="11" fillId="0" borderId="49" xfId="1" applyFont="1" applyBorder="1" applyAlignment="1" applyProtection="1">
      <alignment horizontal="left" vertical="center"/>
      <protection locked="0"/>
    </xf>
    <xf numFmtId="0" fontId="11" fillId="0" borderId="50" xfId="1" applyFont="1" applyBorder="1" applyAlignment="1" applyProtection="1">
      <alignment horizontal="left" vertical="center"/>
      <protection locked="0"/>
    </xf>
    <xf numFmtId="0" fontId="9" fillId="0" borderId="13" xfId="1" applyFont="1" applyBorder="1" applyAlignment="1" applyProtection="1">
      <alignment horizontal="center" vertical="center"/>
      <protection locked="0"/>
    </xf>
    <xf numFmtId="0" fontId="9" fillId="0" borderId="57" xfId="1" applyFont="1" applyBorder="1" applyAlignment="1" applyProtection="1">
      <alignment horizontal="center" vertical="center"/>
      <protection locked="0"/>
    </xf>
    <xf numFmtId="0" fontId="9" fillId="0" borderId="9" xfId="1" applyFont="1" applyBorder="1" applyAlignment="1" applyProtection="1">
      <alignment horizontal="center" vertical="center"/>
      <protection locked="0"/>
    </xf>
    <xf numFmtId="0" fontId="2" fillId="0" borderId="14" xfId="1" applyFont="1" applyBorder="1" applyAlignment="1">
      <alignment vertical="center" wrapText="1"/>
    </xf>
    <xf numFmtId="0" fontId="2" fillId="0" borderId="15" xfId="1" applyFont="1" applyBorder="1" applyAlignment="1">
      <alignment vertical="center" wrapText="1"/>
    </xf>
    <xf numFmtId="0" fontId="2" fillId="0" borderId="28" xfId="1" applyFont="1" applyBorder="1" applyAlignment="1">
      <alignment vertical="center" wrapText="1"/>
    </xf>
    <xf numFmtId="0" fontId="2" fillId="0" borderId="0" xfId="1" applyFont="1" applyAlignment="1">
      <alignment vertical="center" wrapText="1"/>
    </xf>
    <xf numFmtId="0" fontId="2" fillId="0" borderId="10" xfId="1" applyFont="1" applyBorder="1" applyAlignment="1">
      <alignment vertical="center" wrapText="1"/>
    </xf>
    <xf numFmtId="0" fontId="2" fillId="0" borderId="11" xfId="1" applyFont="1" applyBorder="1" applyAlignment="1">
      <alignment vertical="center" wrapText="1"/>
    </xf>
    <xf numFmtId="0" fontId="10" fillId="0" borderId="15" xfId="1" applyFont="1" applyBorder="1" applyAlignment="1">
      <alignment wrapText="1"/>
    </xf>
    <xf numFmtId="0" fontId="10" fillId="0" borderId="16" xfId="1" applyFont="1" applyBorder="1" applyAlignment="1">
      <alignment wrapText="1"/>
    </xf>
    <xf numFmtId="0" fontId="19" fillId="0" borderId="0" xfId="1" applyFont="1" applyAlignment="1">
      <alignment horizontal="left" vertical="center" wrapText="1"/>
    </xf>
    <xf numFmtId="0" fontId="19" fillId="0" borderId="8" xfId="1" applyFont="1" applyBorder="1" applyAlignment="1">
      <alignment horizontal="left" vertical="center" wrapText="1"/>
    </xf>
    <xf numFmtId="0" fontId="19" fillId="0" borderId="11" xfId="1" applyFont="1" applyBorder="1" applyAlignment="1" applyProtection="1">
      <alignment vertical="center" wrapText="1"/>
      <protection locked="0"/>
    </xf>
    <xf numFmtId="0" fontId="19" fillId="0" borderId="26" xfId="1" applyFont="1" applyBorder="1" applyAlignment="1" applyProtection="1">
      <alignment vertical="center" wrapText="1"/>
      <protection locked="0"/>
    </xf>
    <xf numFmtId="0" fontId="9" fillId="0" borderId="36" xfId="1" applyFont="1" applyBorder="1" applyAlignment="1" applyProtection="1">
      <alignment horizontal="center" vertical="center"/>
      <protection locked="0"/>
    </xf>
    <xf numFmtId="0" fontId="2" fillId="0" borderId="14" xfId="1" applyFont="1" applyBorder="1">
      <alignment vertical="center"/>
    </xf>
    <xf numFmtId="0" fontId="2" fillId="0" borderId="15" xfId="1" applyFont="1" applyBorder="1">
      <alignment vertical="center"/>
    </xf>
    <xf numFmtId="0" fontId="2" fillId="0" borderId="10" xfId="1" applyFont="1" applyBorder="1">
      <alignment vertical="center"/>
    </xf>
    <xf numFmtId="0" fontId="2" fillId="0" borderId="11" xfId="1" applyFont="1" applyBorder="1">
      <alignment vertical="center"/>
    </xf>
    <xf numFmtId="0" fontId="7" fillId="0" borderId="15" xfId="1" applyFont="1" applyBorder="1" applyAlignment="1" applyProtection="1">
      <alignment horizontal="center" vertical="center" wrapText="1"/>
      <protection locked="0"/>
    </xf>
    <xf numFmtId="0" fontId="7" fillId="0" borderId="16" xfId="1" applyFont="1" applyBorder="1" applyAlignment="1" applyProtection="1">
      <alignment horizontal="center" vertical="center" wrapText="1"/>
      <protection locked="0"/>
    </xf>
    <xf numFmtId="0" fontId="7" fillId="0" borderId="11" xfId="1" applyFont="1" applyBorder="1" applyAlignment="1" applyProtection="1">
      <alignment horizontal="center" vertical="center" wrapText="1"/>
      <protection locked="0"/>
    </xf>
    <xf numFmtId="0" fontId="7" fillId="0" borderId="26" xfId="1" applyFont="1" applyBorder="1" applyAlignment="1" applyProtection="1">
      <alignment horizontal="center" vertical="center" wrapText="1"/>
      <protection locked="0"/>
    </xf>
    <xf numFmtId="0" fontId="22" fillId="0" borderId="15" xfId="1" applyFont="1" applyBorder="1" applyAlignment="1">
      <alignment horizontal="center" vertical="center" wrapText="1"/>
    </xf>
    <xf numFmtId="0" fontId="22" fillId="0" borderId="16" xfId="1" applyFont="1" applyBorder="1" applyAlignment="1">
      <alignment horizontal="center" vertical="center" wrapText="1"/>
    </xf>
    <xf numFmtId="0" fontId="22" fillId="0" borderId="0" xfId="1" applyFont="1" applyAlignment="1">
      <alignment horizontal="center" vertical="center" wrapText="1"/>
    </xf>
    <xf numFmtId="0" fontId="22" fillId="0" borderId="8" xfId="1" applyFont="1" applyBorder="1" applyAlignment="1">
      <alignment horizontal="center" vertical="center" wrapText="1"/>
    </xf>
    <xf numFmtId="0" fontId="22" fillId="0" borderId="11" xfId="1" applyFont="1" applyBorder="1" applyAlignment="1">
      <alignment horizontal="center" vertical="center" wrapText="1"/>
    </xf>
    <xf numFmtId="0" fontId="22" fillId="0" borderId="26" xfId="1" applyFont="1" applyBorder="1" applyAlignment="1">
      <alignment horizontal="center" vertical="center" wrapText="1"/>
    </xf>
    <xf numFmtId="0" fontId="19" fillId="0" borderId="14" xfId="1" applyFont="1" applyBorder="1" applyAlignment="1">
      <alignment horizontal="center" vertical="center"/>
    </xf>
    <xf numFmtId="0" fontId="19" fillId="0" borderId="15" xfId="1" applyFont="1" applyBorder="1" applyAlignment="1">
      <alignment horizontal="center" vertical="center"/>
    </xf>
    <xf numFmtId="0" fontId="19" fillId="0" borderId="16" xfId="1" applyFont="1" applyBorder="1" applyAlignment="1">
      <alignment horizontal="center" vertical="center"/>
    </xf>
    <xf numFmtId="0" fontId="19" fillId="0" borderId="28" xfId="1" applyFont="1" applyBorder="1" applyAlignment="1">
      <alignment vertical="top" wrapText="1"/>
    </xf>
    <xf numFmtId="0" fontId="19" fillId="0" borderId="0" xfId="1" applyFont="1" applyAlignment="1">
      <alignment vertical="top" wrapText="1"/>
    </xf>
    <xf numFmtId="0" fontId="19" fillId="0" borderId="38" xfId="1" applyFont="1" applyBorder="1" applyAlignment="1">
      <alignment vertical="top" wrapText="1"/>
    </xf>
    <xf numFmtId="0" fontId="10" fillId="0" borderId="28" xfId="1" applyFont="1" applyBorder="1" applyAlignment="1">
      <alignment horizontal="left" vertical="center"/>
    </xf>
    <xf numFmtId="0" fontId="10" fillId="0" borderId="10" xfId="1" applyFont="1" applyBorder="1" applyAlignment="1">
      <alignment horizontal="left" vertical="center"/>
    </xf>
    <xf numFmtId="0" fontId="9" fillId="0" borderId="28" xfId="1" applyFont="1" applyBorder="1" applyAlignment="1" applyProtection="1">
      <alignment horizontal="center" vertical="top" wrapText="1"/>
      <protection locked="0"/>
    </xf>
    <xf numFmtId="0" fontId="9" fillId="0" borderId="0" xfId="1" applyFont="1" applyAlignment="1" applyProtection="1">
      <alignment horizontal="center" vertical="top" wrapText="1"/>
      <protection locked="0"/>
    </xf>
    <xf numFmtId="0" fontId="9" fillId="0" borderId="10" xfId="1" applyFont="1" applyBorder="1" applyAlignment="1" applyProtection="1">
      <alignment horizontal="center" vertical="top" wrapText="1"/>
      <protection locked="0"/>
    </xf>
    <xf numFmtId="0" fontId="9" fillId="0" borderId="11" xfId="1" applyFont="1" applyBorder="1" applyAlignment="1" applyProtection="1">
      <alignment horizontal="center" vertical="top" wrapText="1"/>
      <protection locked="0"/>
    </xf>
    <xf numFmtId="0" fontId="7" fillId="0" borderId="38" xfId="1" applyFont="1" applyBorder="1" applyAlignment="1">
      <alignment horizontal="center"/>
    </xf>
    <xf numFmtId="0" fontId="7" fillId="0" borderId="39" xfId="1" applyFont="1" applyBorder="1" applyAlignment="1">
      <alignment horizontal="center"/>
    </xf>
    <xf numFmtId="0" fontId="10" fillId="0" borderId="36" xfId="1" applyFont="1" applyBorder="1" applyAlignment="1">
      <alignment horizontal="center" vertical="center" wrapText="1"/>
    </xf>
    <xf numFmtId="0" fontId="10" fillId="0" borderId="40" xfId="1" applyFont="1" applyBorder="1" applyAlignment="1">
      <alignment horizontal="center" vertical="center"/>
    </xf>
    <xf numFmtId="0" fontId="10" fillId="0" borderId="41" xfId="1" applyFont="1" applyBorder="1" applyAlignment="1">
      <alignment horizontal="center" vertical="center"/>
    </xf>
    <xf numFmtId="0" fontId="10" fillId="0" borderId="43" xfId="1" applyFont="1" applyBorder="1" applyAlignment="1">
      <alignment horizontal="center" vertical="center"/>
    </xf>
    <xf numFmtId="0" fontId="10" fillId="0" borderId="42" xfId="1" applyFont="1" applyBorder="1" applyAlignment="1">
      <alignment horizontal="center" vertical="center"/>
    </xf>
    <xf numFmtId="0" fontId="2" fillId="0" borderId="28" xfId="1" applyFont="1" applyBorder="1">
      <alignment vertical="center"/>
    </xf>
    <xf numFmtId="0" fontId="2" fillId="0" borderId="0" xfId="1" applyFont="1" applyBorder="1">
      <alignment vertical="center"/>
    </xf>
    <xf numFmtId="0" fontId="12" fillId="0" borderId="14" xfId="1" applyFont="1" applyBorder="1" applyAlignment="1">
      <alignment horizontal="center" vertical="center" wrapText="1"/>
    </xf>
    <xf numFmtId="0" fontId="12" fillId="0" borderId="15" xfId="1" applyFont="1" applyBorder="1" applyAlignment="1">
      <alignment horizontal="center" vertical="center" wrapText="1"/>
    </xf>
    <xf numFmtId="0" fontId="12" fillId="0" borderId="28" xfId="1" applyFont="1" applyBorder="1" applyAlignment="1">
      <alignment horizontal="center" vertical="center" wrapText="1"/>
    </xf>
    <xf numFmtId="0" fontId="12" fillId="0" borderId="0" xfId="1" applyFont="1" applyAlignment="1">
      <alignment horizontal="center" vertical="center" wrapText="1"/>
    </xf>
    <xf numFmtId="0" fontId="19" fillId="0" borderId="14" xfId="1" applyFont="1" applyBorder="1" applyAlignment="1">
      <alignment horizontal="center" vertical="top" wrapText="1"/>
    </xf>
    <xf numFmtId="0" fontId="19" fillId="0" borderId="15" xfId="1" applyFont="1" applyBorder="1" applyAlignment="1">
      <alignment horizontal="center" vertical="top" wrapText="1"/>
    </xf>
    <xf numFmtId="0" fontId="19" fillId="0" borderId="37" xfId="1" applyFont="1" applyBorder="1" applyAlignment="1">
      <alignment horizontal="center" vertical="top" wrapText="1"/>
    </xf>
    <xf numFmtId="0" fontId="19" fillId="0" borderId="28" xfId="1" applyFont="1" applyBorder="1" applyAlignment="1">
      <alignment horizontal="center" vertical="top" wrapText="1"/>
    </xf>
    <xf numFmtId="0" fontId="19" fillId="0" borderId="0" xfId="1" applyFont="1" applyBorder="1" applyAlignment="1">
      <alignment horizontal="center" vertical="top" wrapText="1"/>
    </xf>
    <xf numFmtId="0" fontId="19" fillId="0" borderId="38" xfId="1" applyFont="1" applyBorder="1" applyAlignment="1">
      <alignment horizontal="center" vertical="top" wrapText="1"/>
    </xf>
    <xf numFmtId="0" fontId="7" fillId="0" borderId="28" xfId="1" applyFont="1" applyBorder="1" applyAlignment="1">
      <alignment horizontal="left" vertical="center"/>
    </xf>
    <xf numFmtId="0" fontId="7" fillId="0" borderId="0" xfId="1" applyFont="1" applyBorder="1" applyAlignment="1">
      <alignment horizontal="left" vertical="center"/>
    </xf>
    <xf numFmtId="0" fontId="7" fillId="0" borderId="8" xfId="1" applyFont="1" applyBorder="1" applyAlignment="1">
      <alignment horizontal="left" vertical="center"/>
    </xf>
    <xf numFmtId="0" fontId="21" fillId="0" borderId="15" xfId="1" applyFont="1" applyBorder="1" applyAlignment="1">
      <alignment horizontal="left" vertical="center" wrapText="1"/>
    </xf>
    <xf numFmtId="0" fontId="21" fillId="0" borderId="16" xfId="1" applyFont="1" applyBorder="1" applyAlignment="1">
      <alignment horizontal="left" vertical="center" wrapText="1"/>
    </xf>
    <xf numFmtId="0" fontId="21" fillId="0" borderId="0" xfId="1" applyFont="1" applyBorder="1" applyAlignment="1">
      <alignment horizontal="left" vertical="center" wrapText="1"/>
    </xf>
    <xf numFmtId="0" fontId="21" fillId="0" borderId="8" xfId="1" applyFont="1" applyBorder="1" applyAlignment="1">
      <alignment horizontal="left" vertical="center" wrapText="1"/>
    </xf>
    <xf numFmtId="0" fontId="7" fillId="0" borderId="28" xfId="0" applyFont="1" applyBorder="1" applyAlignment="1">
      <alignment horizontal="right"/>
    </xf>
    <xf numFmtId="0" fontId="7" fillId="0" borderId="0" xfId="0" applyFont="1" applyAlignment="1">
      <alignment horizontal="right"/>
    </xf>
    <xf numFmtId="0" fontId="7" fillId="0" borderId="38" xfId="0" applyFont="1" applyBorder="1" applyAlignment="1">
      <alignment horizontal="right"/>
    </xf>
    <xf numFmtId="0" fontId="12" fillId="0" borderId="28" xfId="0" applyFont="1" applyBorder="1" applyAlignment="1">
      <alignment vertical="center"/>
    </xf>
    <xf numFmtId="0" fontId="12" fillId="0" borderId="0" xfId="0" applyFont="1" applyAlignment="1">
      <alignment vertical="center"/>
    </xf>
    <xf numFmtId="0" fontId="20" fillId="0" borderId="0" xfId="0" applyFont="1" applyAlignment="1">
      <alignment horizontal="center" vertical="center"/>
    </xf>
    <xf numFmtId="0" fontId="21" fillId="0" borderId="28" xfId="1" applyFont="1" applyBorder="1" applyAlignment="1" applyProtection="1">
      <alignment horizontal="center" vertical="center" wrapText="1"/>
      <protection locked="0"/>
    </xf>
    <xf numFmtId="0" fontId="9" fillId="0" borderId="0" xfId="1" applyFont="1" applyAlignment="1" applyProtection="1">
      <alignment horizontal="center" vertical="center" wrapText="1"/>
      <protection locked="0"/>
    </xf>
    <xf numFmtId="0" fontId="9" fillId="0" borderId="38" xfId="1" applyFont="1" applyBorder="1" applyAlignment="1" applyProtection="1">
      <alignment horizontal="center" vertical="center" wrapText="1"/>
      <protection locked="0"/>
    </xf>
    <xf numFmtId="0" fontId="10" fillId="0" borderId="14" xfId="1" applyFont="1" applyBorder="1" applyAlignment="1">
      <alignment horizontal="center" vertical="center" wrapText="1"/>
    </xf>
    <xf numFmtId="0" fontId="10" fillId="0" borderId="15" xfId="1" applyFont="1" applyBorder="1" applyAlignment="1">
      <alignment horizontal="center" vertical="center" wrapText="1"/>
    </xf>
    <xf numFmtId="0" fontId="10" fillId="0" borderId="16" xfId="1" applyFont="1" applyBorder="1" applyAlignment="1">
      <alignment horizontal="center" vertical="center" wrapText="1"/>
    </xf>
    <xf numFmtId="0" fontId="30" fillId="0" borderId="52" xfId="1" applyFont="1" applyBorder="1" applyAlignment="1">
      <alignment horizontal="center" vertical="center" shrinkToFit="1"/>
    </xf>
    <xf numFmtId="0" fontId="2" fillId="0" borderId="53" xfId="1" applyFont="1" applyBorder="1" applyAlignment="1">
      <alignment horizontal="center" vertical="center" wrapText="1"/>
    </xf>
    <xf numFmtId="0" fontId="2" fillId="0" borderId="54" xfId="1" applyFont="1" applyBorder="1" applyAlignment="1">
      <alignment horizontal="center" vertical="center" wrapText="1"/>
    </xf>
    <xf numFmtId="0" fontId="2" fillId="0" borderId="56" xfId="1" applyFont="1" applyBorder="1" applyAlignment="1">
      <alignment horizontal="center" vertical="center" wrapText="1"/>
    </xf>
    <xf numFmtId="0" fontId="2" fillId="0" borderId="8" xfId="1" applyFont="1" applyBorder="1" applyAlignment="1">
      <alignment horizontal="center" vertical="center" wrapText="1"/>
    </xf>
    <xf numFmtId="0" fontId="2" fillId="0" borderId="58" xfId="1" applyFont="1" applyBorder="1" applyAlignment="1">
      <alignment horizontal="center" vertical="center" wrapText="1"/>
    </xf>
    <xf numFmtId="0" fontId="2" fillId="0" borderId="26" xfId="1" applyFont="1" applyBorder="1" applyAlignment="1">
      <alignment horizontal="center" vertical="center" wrapText="1"/>
    </xf>
    <xf numFmtId="0" fontId="7" fillId="0" borderId="30" xfId="1" applyFont="1" applyBorder="1" applyAlignment="1">
      <alignment horizontal="center" vertical="center"/>
    </xf>
    <xf numFmtId="0" fontId="7" fillId="0" borderId="31" xfId="1" applyFont="1" applyBorder="1" applyAlignment="1">
      <alignment horizontal="center" vertical="center"/>
    </xf>
    <xf numFmtId="0" fontId="7" fillId="0" borderId="32" xfId="1" applyFont="1" applyBorder="1" applyAlignment="1">
      <alignment horizontal="center" vertical="center"/>
    </xf>
    <xf numFmtId="0" fontId="7" fillId="0" borderId="33" xfId="1" applyFont="1" applyBorder="1" applyAlignment="1">
      <alignment horizontal="center" vertical="center"/>
    </xf>
    <xf numFmtId="0" fontId="7" fillId="0" borderId="34" xfId="1" applyFont="1" applyBorder="1" applyAlignment="1">
      <alignment horizontal="center" vertical="center"/>
    </xf>
    <xf numFmtId="0" fontId="7" fillId="0" borderId="35" xfId="1" applyFont="1" applyBorder="1" applyAlignment="1">
      <alignment horizontal="center" vertical="center"/>
    </xf>
    <xf numFmtId="0" fontId="2" fillId="0" borderId="16" xfId="1" applyFont="1" applyBorder="1" applyAlignment="1">
      <alignment vertical="center" wrapText="1"/>
    </xf>
    <xf numFmtId="0" fontId="2" fillId="0" borderId="26" xfId="1" applyFont="1" applyBorder="1" applyAlignment="1">
      <alignment vertical="center" wrapText="1"/>
    </xf>
    <xf numFmtId="0" fontId="12" fillId="0" borderId="14" xfId="1" applyFont="1" applyBorder="1" applyAlignment="1">
      <alignment vertical="center" wrapText="1"/>
    </xf>
    <xf numFmtId="0" fontId="12" fillId="0" borderId="15" xfId="1" applyFont="1" applyBorder="1">
      <alignment vertical="center"/>
    </xf>
    <xf numFmtId="0" fontId="12" fillId="0" borderId="16" xfId="1" applyFont="1" applyBorder="1">
      <alignment vertical="center"/>
    </xf>
    <xf numFmtId="0" fontId="9" fillId="0" borderId="10" xfId="1" applyFont="1" applyBorder="1" applyAlignment="1" applyProtection="1">
      <alignment horizontal="center" vertical="center" wrapText="1"/>
      <protection locked="0"/>
    </xf>
    <xf numFmtId="0" fontId="9" fillId="0" borderId="11" xfId="1" applyFont="1" applyBorder="1" applyAlignment="1" applyProtection="1">
      <alignment horizontal="center" vertical="center" wrapText="1"/>
      <protection locked="0"/>
    </xf>
    <xf numFmtId="0" fontId="12" fillId="0" borderId="10" xfId="1" applyFont="1" applyBorder="1">
      <alignment vertical="center"/>
    </xf>
    <xf numFmtId="0" fontId="12" fillId="0" borderId="11" xfId="1" applyFont="1" applyBorder="1">
      <alignment vertical="center"/>
    </xf>
    <xf numFmtId="0" fontId="20" fillId="0" borderId="11" xfId="1" applyFont="1" applyBorder="1" applyAlignment="1" applyProtection="1">
      <alignment horizontal="center" vertical="center"/>
      <protection locked="0"/>
    </xf>
    <xf numFmtId="0" fontId="2" fillId="0" borderId="28" xfId="0" applyFont="1" applyBorder="1" applyAlignment="1">
      <alignment vertical="center" wrapText="1"/>
    </xf>
    <xf numFmtId="0" fontId="2" fillId="0" borderId="0" xfId="0" applyFont="1" applyAlignment="1">
      <alignment vertical="center" wrapText="1"/>
    </xf>
    <xf numFmtId="0" fontId="2" fillId="0" borderId="8" xfId="0" applyFont="1" applyBorder="1" applyAlignment="1">
      <alignment vertical="center" wrapText="1"/>
    </xf>
    <xf numFmtId="0" fontId="2" fillId="0" borderId="10" xfId="0" applyFont="1" applyBorder="1" applyAlignment="1">
      <alignment vertical="center" wrapText="1"/>
    </xf>
    <xf numFmtId="0" fontId="2" fillId="0" borderId="11" xfId="0" applyFont="1" applyBorder="1" applyAlignment="1">
      <alignment vertical="center" wrapText="1"/>
    </xf>
    <xf numFmtId="0" fontId="12" fillId="0" borderId="28" xfId="0" applyFont="1" applyBorder="1"/>
    <xf numFmtId="0" fontId="12" fillId="0" borderId="0" xfId="0" applyFont="1"/>
    <xf numFmtId="0" fontId="12" fillId="0" borderId="8" xfId="0" applyFont="1" applyBorder="1"/>
    <xf numFmtId="0" fontId="19" fillId="0" borderId="28" xfId="0" applyFont="1" applyBorder="1" applyAlignment="1">
      <alignment vertical="top" wrapText="1"/>
    </xf>
    <xf numFmtId="0" fontId="19" fillId="0" borderId="0" xfId="0" applyFont="1" applyAlignment="1">
      <alignment vertical="top" wrapText="1"/>
    </xf>
    <xf numFmtId="0" fontId="19" fillId="0" borderId="38" xfId="0" applyFont="1" applyBorder="1" applyAlignment="1">
      <alignment vertical="top" wrapText="1"/>
    </xf>
    <xf numFmtId="0" fontId="20" fillId="0" borderId="0" xfId="0" applyFont="1" applyAlignment="1" applyProtection="1">
      <alignment horizontal="center"/>
      <protection locked="0"/>
    </xf>
    <xf numFmtId="0" fontId="10" fillId="0" borderId="0" xfId="1" applyFont="1" applyAlignment="1">
      <alignment horizontal="center" vertical="center"/>
    </xf>
    <xf numFmtId="0" fontId="10" fillId="0" borderId="38" xfId="1" applyFont="1" applyBorder="1" applyAlignment="1">
      <alignment horizontal="center" vertical="center"/>
    </xf>
    <xf numFmtId="0" fontId="7" fillId="0" borderId="13" xfId="1" applyFont="1" applyBorder="1" applyAlignment="1">
      <alignment horizontal="center" vertical="center"/>
    </xf>
    <xf numFmtId="0" fontId="7" fillId="0" borderId="9" xfId="1" applyFont="1" applyBorder="1" applyAlignment="1">
      <alignment horizontal="center" vertical="center"/>
    </xf>
    <xf numFmtId="0" fontId="7" fillId="0" borderId="14" xfId="1" applyFont="1" applyBorder="1" applyAlignment="1">
      <alignment horizontal="left" vertical="center"/>
    </xf>
    <xf numFmtId="0" fontId="7" fillId="0" borderId="15" xfId="1" applyFont="1" applyBorder="1" applyAlignment="1">
      <alignment horizontal="left" vertical="center"/>
    </xf>
    <xf numFmtId="0" fontId="7" fillId="0" borderId="17" xfId="1" applyFont="1" applyBorder="1" applyAlignment="1">
      <alignment horizontal="left" vertical="center"/>
    </xf>
    <xf numFmtId="0" fontId="7" fillId="0" borderId="10" xfId="1" applyFont="1" applyBorder="1" applyAlignment="1">
      <alignment horizontal="left" vertical="center"/>
    </xf>
    <xf numFmtId="0" fontId="7" fillId="0" borderId="11" xfId="1" applyFont="1" applyBorder="1" applyAlignment="1">
      <alignment horizontal="left" vertical="center"/>
    </xf>
    <xf numFmtId="0" fontId="7" fillId="0" borderId="12" xfId="1" applyFont="1" applyBorder="1" applyAlignment="1">
      <alignment horizontal="left" vertical="center"/>
    </xf>
    <xf numFmtId="0" fontId="2" fillId="0" borderId="27" xfId="1" applyFont="1" applyBorder="1" applyAlignment="1">
      <alignment horizontal="center" vertical="center" wrapText="1"/>
    </xf>
    <xf numFmtId="0" fontId="2" fillId="0" borderId="16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18" xfId="1" applyFont="1" applyBorder="1" applyAlignment="1">
      <alignment horizontal="center" vertical="center" wrapText="1"/>
    </xf>
    <xf numFmtId="0" fontId="2" fillId="0" borderId="19" xfId="1" applyFont="1" applyBorder="1" applyAlignment="1">
      <alignment horizontal="center" vertical="center" wrapText="1"/>
    </xf>
    <xf numFmtId="0" fontId="15" fillId="0" borderId="0" xfId="1" applyFont="1" applyAlignment="1" applyProtection="1">
      <alignment horizontal="center" vertical="top"/>
      <protection locked="0"/>
    </xf>
    <xf numFmtId="0" fontId="10" fillId="0" borderId="21" xfId="1" applyFont="1" applyBorder="1" applyAlignment="1">
      <alignment vertical="center" wrapText="1"/>
    </xf>
    <xf numFmtId="0" fontId="10" fillId="0" borderId="22" xfId="1" applyFont="1" applyBorder="1" applyAlignment="1">
      <alignment vertical="center" wrapText="1"/>
    </xf>
    <xf numFmtId="0" fontId="10" fillId="0" borderId="23" xfId="1" applyFont="1" applyBorder="1" applyAlignment="1">
      <alignment vertical="center" wrapText="1"/>
    </xf>
    <xf numFmtId="0" fontId="12" fillId="0" borderId="16" xfId="1" applyFont="1" applyBorder="1" applyAlignment="1">
      <alignment horizontal="center" vertical="center" wrapText="1"/>
    </xf>
    <xf numFmtId="0" fontId="12" fillId="0" borderId="21" xfId="1" applyFont="1" applyBorder="1" applyAlignment="1">
      <alignment horizontal="center" vertical="center" wrapText="1"/>
    </xf>
    <xf numFmtId="0" fontId="12" fillId="0" borderId="19" xfId="1" applyFont="1" applyBorder="1" applyAlignment="1">
      <alignment horizontal="center" vertical="center" wrapText="1"/>
    </xf>
    <xf numFmtId="49" fontId="7" fillId="0" borderId="14" xfId="1" applyNumberFormat="1" applyFont="1" applyBorder="1" applyProtection="1">
      <alignment vertical="center"/>
      <protection locked="0"/>
    </xf>
    <xf numFmtId="0" fontId="0" fillId="0" borderId="15" xfId="0" applyBorder="1" applyProtection="1">
      <protection locked="0"/>
    </xf>
    <xf numFmtId="0" fontId="0" fillId="0" borderId="17" xfId="0" applyBorder="1" applyProtection="1">
      <protection locked="0"/>
    </xf>
    <xf numFmtId="49" fontId="14" fillId="0" borderId="21" xfId="1" applyNumberFormat="1" applyFont="1" applyBorder="1" applyAlignment="1">
      <alignment horizontal="center" vertical="center"/>
    </xf>
    <xf numFmtId="0" fontId="0" fillId="0" borderId="22" xfId="0" applyBorder="1"/>
    <xf numFmtId="0" fontId="0" fillId="0" borderId="23" xfId="0" applyBorder="1"/>
    <xf numFmtId="0" fontId="30" fillId="0" borderId="24" xfId="1" applyFont="1" applyBorder="1" applyAlignment="1" applyProtection="1">
      <alignment vertical="center" wrapText="1"/>
      <protection locked="0"/>
    </xf>
    <xf numFmtId="0" fontId="30" fillId="0" borderId="24" xfId="1" applyFont="1" applyBorder="1" applyProtection="1">
      <alignment vertical="center"/>
      <protection locked="0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0" fontId="7" fillId="0" borderId="3" xfId="1" applyFont="1" applyBorder="1" applyAlignment="1">
      <alignment horizontal="center" vertical="center"/>
    </xf>
    <xf numFmtId="0" fontId="9" fillId="0" borderId="4" xfId="1" applyFont="1" applyBorder="1" applyAlignment="1" applyProtection="1">
      <alignment horizontal="left" vertical="center" indent="1"/>
      <protection locked="0"/>
    </xf>
    <xf numFmtId="0" fontId="9" fillId="0" borderId="5" xfId="1" applyFont="1" applyBorder="1" applyAlignment="1" applyProtection="1">
      <alignment horizontal="left" vertical="center" indent="1"/>
      <protection locked="0"/>
    </xf>
    <xf numFmtId="0" fontId="9" fillId="0" borderId="10" xfId="1" applyFont="1" applyBorder="1" applyAlignment="1" applyProtection="1">
      <alignment horizontal="left" vertical="center" indent="1"/>
      <protection locked="0"/>
    </xf>
    <xf numFmtId="0" fontId="9" fillId="0" borderId="11" xfId="1" applyFont="1" applyBorder="1" applyAlignment="1" applyProtection="1">
      <alignment horizontal="left" vertical="center" indent="1"/>
      <protection locked="0"/>
    </xf>
    <xf numFmtId="0" fontId="10" fillId="0" borderId="3" xfId="1" applyFont="1" applyBorder="1" applyAlignment="1">
      <alignment horizontal="center" vertical="center" wrapText="1"/>
    </xf>
    <xf numFmtId="0" fontId="10" fillId="0" borderId="9" xfId="1" applyFont="1" applyBorder="1" applyAlignment="1">
      <alignment horizontal="center" vertical="center" wrapText="1"/>
    </xf>
    <xf numFmtId="0" fontId="11" fillId="0" borderId="5" xfId="1" applyFont="1" applyBorder="1" applyAlignment="1">
      <alignment horizontal="center" vertical="center" wrapText="1"/>
    </xf>
    <xf numFmtId="0" fontId="11" fillId="0" borderId="11" xfId="1" applyFont="1" applyBorder="1" applyAlignment="1">
      <alignment horizontal="center" vertical="center" wrapText="1"/>
    </xf>
    <xf numFmtId="0" fontId="12" fillId="0" borderId="5" xfId="1" applyFont="1" applyBorder="1" applyAlignment="1" applyProtection="1">
      <alignment horizontal="right" vertical="center"/>
      <protection locked="0"/>
    </xf>
    <xf numFmtId="0" fontId="12" fillId="0" borderId="6" xfId="1" applyFont="1" applyBorder="1" applyAlignment="1" applyProtection="1">
      <alignment horizontal="right" vertical="center"/>
      <protection locked="0"/>
    </xf>
    <xf numFmtId="0" fontId="12" fillId="0" borderId="11" xfId="1" applyFont="1" applyBorder="1" applyAlignment="1" applyProtection="1">
      <alignment horizontal="right" vertical="center"/>
      <protection locked="0"/>
    </xf>
    <xf numFmtId="0" fontId="12" fillId="0" borderId="12" xfId="1" applyFont="1" applyBorder="1" applyAlignment="1" applyProtection="1">
      <alignment horizontal="right" vertical="center"/>
      <protection locked="0"/>
    </xf>
    <xf numFmtId="0" fontId="8" fillId="0" borderId="0" xfId="1" applyFont="1" applyAlignment="1" applyProtection="1">
      <alignment horizontal="center" vertical="center"/>
      <protection locked="0"/>
    </xf>
    <xf numFmtId="0" fontId="2" fillId="0" borderId="0" xfId="1" applyFont="1" applyAlignment="1" applyProtection="1">
      <alignment horizontal="right" vertical="center"/>
      <protection locked="0"/>
    </xf>
    <xf numFmtId="0" fontId="2" fillId="0" borderId="1" xfId="1" applyFont="1" applyBorder="1" applyAlignment="1">
      <alignment horizontal="center" vertical="center" wrapText="1"/>
    </xf>
    <xf numFmtId="0" fontId="1" fillId="0" borderId="2" xfId="1" applyBorder="1">
      <alignment vertical="center"/>
    </xf>
    <xf numFmtId="0" fontId="1" fillId="0" borderId="7" xfId="1" applyBorder="1">
      <alignment vertical="center"/>
    </xf>
    <xf numFmtId="0" fontId="1" fillId="0" borderId="8" xfId="1" applyBorder="1">
      <alignment vertical="center"/>
    </xf>
    <xf numFmtId="0" fontId="1" fillId="0" borderId="18" xfId="1" applyBorder="1">
      <alignment vertical="center"/>
    </xf>
    <xf numFmtId="0" fontId="1" fillId="0" borderId="19" xfId="1" applyBorder="1">
      <alignment vertical="center"/>
    </xf>
    <xf numFmtId="0" fontId="7" fillId="0" borderId="20" xfId="1" applyFont="1" applyBorder="1" applyAlignment="1">
      <alignment horizontal="center" vertical="center"/>
    </xf>
    <xf numFmtId="0" fontId="13" fillId="0" borderId="14" xfId="1" applyFont="1" applyBorder="1" applyAlignment="1">
      <alignment horizontal="center" vertical="center"/>
    </xf>
    <xf numFmtId="0" fontId="13" fillId="0" borderId="21" xfId="1" applyFont="1" applyBorder="1" applyAlignment="1">
      <alignment horizontal="center" vertical="center"/>
    </xf>
    <xf numFmtId="0" fontId="9" fillId="0" borderId="15" xfId="1" applyFont="1" applyBorder="1" applyProtection="1">
      <alignment vertical="center"/>
      <protection locked="0"/>
    </xf>
    <xf numFmtId="0" fontId="9" fillId="0" borderId="16" xfId="1" applyFont="1" applyBorder="1" applyProtection="1">
      <alignment vertical="center"/>
      <protection locked="0"/>
    </xf>
    <xf numFmtId="0" fontId="9" fillId="0" borderId="22" xfId="1" applyFont="1" applyBorder="1" applyProtection="1">
      <alignment vertical="center"/>
      <protection locked="0"/>
    </xf>
    <xf numFmtId="0" fontId="9" fillId="0" borderId="19" xfId="1" applyFont="1" applyBorder="1" applyProtection="1">
      <alignment vertical="center"/>
      <protection locked="0"/>
    </xf>
  </cellXfs>
  <cellStyles count="2">
    <cellStyle name="標準" xfId="0" builtinId="0"/>
    <cellStyle name="標準 3" xfId="1" xr:uid="{D3075DC8-3B80-40EF-8BF3-652BC478DEC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15</xdr:row>
          <xdr:rowOff>102870</xdr:rowOff>
        </xdr:from>
        <xdr:to>
          <xdr:col>20</xdr:col>
          <xdr:colOff>342900</xdr:colOff>
          <xdr:row>16</xdr:row>
          <xdr:rowOff>112395</xdr:rowOff>
        </xdr:to>
        <xdr:pic>
          <xdr:nvPicPr>
            <xdr:cNvPr id="2" name="Picture 7">
              <a:extLst>
                <a:ext uri="{FF2B5EF4-FFF2-40B4-BE49-F238E27FC236}">
                  <a16:creationId xmlns:a16="http://schemas.microsoft.com/office/drawing/2014/main" id="{7B4D6687-D3B9-4C84-80F6-5565716B993A}"/>
                </a:ext>
              </a:extLst>
            </xdr:cNvPr>
            <xdr:cNvPicPr>
              <a:picLocks noChangeAspect="1" noChangeArrowheads="1"/>
              <a:extLst>
                <a:ext uri="{84589F7E-364E-4C9E-8A38-B11213B215E9}">
                  <a14:cameraTool cellRange="$G$57" spid="_x0000_s4243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6686550" y="3360420"/>
              <a:ext cx="342900" cy="238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pic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21</xdr:row>
          <xdr:rowOff>0</xdr:rowOff>
        </xdr:from>
        <xdr:to>
          <xdr:col>20</xdr:col>
          <xdr:colOff>342900</xdr:colOff>
          <xdr:row>22</xdr:row>
          <xdr:rowOff>17145</xdr:rowOff>
        </xdr:to>
        <xdr:pic>
          <xdr:nvPicPr>
            <xdr:cNvPr id="3" name="Picture 7">
              <a:extLst>
                <a:ext uri="{FF2B5EF4-FFF2-40B4-BE49-F238E27FC236}">
                  <a16:creationId xmlns:a16="http://schemas.microsoft.com/office/drawing/2014/main" id="{DDC0A1CA-9B3E-4119-A4E1-5CC250974B08}"/>
                </a:ext>
              </a:extLst>
            </xdr:cNvPr>
            <xdr:cNvPicPr>
              <a:picLocks noChangeAspect="1" noChangeArrowheads="1"/>
              <a:extLst>
                <a:ext uri="{84589F7E-364E-4C9E-8A38-B11213B215E9}">
                  <a14:cameraTool cellRange="$G$57" spid="_x0000_s4244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6686550" y="5122545"/>
              <a:ext cx="342900" cy="238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pic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46</xdr:row>
          <xdr:rowOff>102870</xdr:rowOff>
        </xdr:from>
        <xdr:to>
          <xdr:col>20</xdr:col>
          <xdr:colOff>342900</xdr:colOff>
          <xdr:row>47</xdr:row>
          <xdr:rowOff>131445</xdr:rowOff>
        </xdr:to>
        <xdr:pic>
          <xdr:nvPicPr>
            <xdr:cNvPr id="4" name="Picture 7">
              <a:extLst>
                <a:ext uri="{FF2B5EF4-FFF2-40B4-BE49-F238E27FC236}">
                  <a16:creationId xmlns:a16="http://schemas.microsoft.com/office/drawing/2014/main" id="{878DF16C-4D8C-4CAF-9754-17518AE4AB8B}"/>
                </a:ext>
              </a:extLst>
            </xdr:cNvPr>
            <xdr:cNvPicPr>
              <a:picLocks noChangeAspect="1" noChangeArrowheads="1"/>
              <a:extLst>
                <a:ext uri="{84589F7E-364E-4C9E-8A38-B11213B215E9}">
                  <a14:cameraTool cellRange="$G$57" spid="_x0000_s4245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6686550" y="10608945"/>
              <a:ext cx="342900" cy="238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pic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17</xdr:row>
          <xdr:rowOff>102870</xdr:rowOff>
        </xdr:from>
        <xdr:to>
          <xdr:col>20</xdr:col>
          <xdr:colOff>342900</xdr:colOff>
          <xdr:row>17</xdr:row>
          <xdr:rowOff>340995</xdr:rowOff>
        </xdr:to>
        <xdr:pic>
          <xdr:nvPicPr>
            <xdr:cNvPr id="5" name="Picture 7">
              <a:extLst>
                <a:ext uri="{FF2B5EF4-FFF2-40B4-BE49-F238E27FC236}">
                  <a16:creationId xmlns:a16="http://schemas.microsoft.com/office/drawing/2014/main" id="{E6EF02B0-B396-41E2-9F70-CDB8BAE5A4B6}"/>
                </a:ext>
              </a:extLst>
            </xdr:cNvPr>
            <xdr:cNvPicPr>
              <a:picLocks noChangeAspect="1" noChangeArrowheads="1"/>
              <a:extLst>
                <a:ext uri="{84589F7E-364E-4C9E-8A38-B11213B215E9}">
                  <a14:cameraTool cellRange="$G$57" spid="_x0000_s4246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6686550" y="3817620"/>
              <a:ext cx="342900" cy="238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pic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26</xdr:row>
          <xdr:rowOff>102870</xdr:rowOff>
        </xdr:from>
        <xdr:to>
          <xdr:col>20</xdr:col>
          <xdr:colOff>342900</xdr:colOff>
          <xdr:row>27</xdr:row>
          <xdr:rowOff>93345</xdr:rowOff>
        </xdr:to>
        <xdr:pic>
          <xdr:nvPicPr>
            <xdr:cNvPr id="6" name="Picture 7">
              <a:extLst>
                <a:ext uri="{FF2B5EF4-FFF2-40B4-BE49-F238E27FC236}">
                  <a16:creationId xmlns:a16="http://schemas.microsoft.com/office/drawing/2014/main" id="{0E679E94-9226-4D24-A21E-F5D17361892D}"/>
                </a:ext>
              </a:extLst>
            </xdr:cNvPr>
            <xdr:cNvPicPr>
              <a:picLocks noChangeAspect="1" noChangeArrowheads="1"/>
              <a:extLst>
                <a:ext uri="{84589F7E-364E-4C9E-8A38-B11213B215E9}">
                  <a14:cameraTool cellRange="$G$57" spid="_x0000_s4247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6686550" y="6884670"/>
              <a:ext cx="342900" cy="238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pic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0</xdr:col>
          <xdr:colOff>0</xdr:colOff>
          <xdr:row>21</xdr:row>
          <xdr:rowOff>0</xdr:rowOff>
        </xdr:from>
        <xdr:to>
          <xdr:col>20</xdr:col>
          <xdr:colOff>342900</xdr:colOff>
          <xdr:row>22</xdr:row>
          <xdr:rowOff>17145</xdr:rowOff>
        </xdr:to>
        <xdr:pic>
          <xdr:nvPicPr>
            <xdr:cNvPr id="7" name="Picture 7">
              <a:extLst>
                <a:ext uri="{FF2B5EF4-FFF2-40B4-BE49-F238E27FC236}">
                  <a16:creationId xmlns:a16="http://schemas.microsoft.com/office/drawing/2014/main" id="{1C98725A-F965-40FA-AD65-008868307BEF}"/>
                </a:ext>
              </a:extLst>
            </xdr:cNvPr>
            <xdr:cNvPicPr>
              <a:picLocks noChangeAspect="1" noChangeArrowheads="1"/>
              <a:extLst>
                <a:ext uri="{84589F7E-364E-4C9E-8A38-B11213B215E9}">
                  <a14:cameraTool cellRange="$G$57" spid="_x0000_s4248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6686550" y="5122545"/>
              <a:ext cx="342900" cy="238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pic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9DD645-276B-4E94-9B0C-DFFFCE36FA33}">
  <sheetPr>
    <tabColor rgb="FFFF0000"/>
    <pageSetUpPr fitToPage="1"/>
  </sheetPr>
  <dimension ref="A1:U57"/>
  <sheetViews>
    <sheetView showGridLines="0" tabSelected="1" view="pageBreakPreview" zoomScaleNormal="100" zoomScaleSheetLayoutView="100" workbookViewId="0">
      <selection activeCell="U51" sqref="U51"/>
    </sheetView>
  </sheetViews>
  <sheetFormatPr defaultColWidth="9" defaultRowHeight="18" customHeight="1" x14ac:dyDescent="0.2"/>
  <cols>
    <col min="1" max="2" width="8.21875" style="1" customWidth="1"/>
    <col min="3" max="3" width="7.6640625" style="1" customWidth="1"/>
    <col min="4" max="4" width="7.109375" style="1" customWidth="1"/>
    <col min="5" max="5" width="5.6640625" style="1" customWidth="1"/>
    <col min="6" max="6" width="8.109375" style="1" customWidth="1"/>
    <col min="7" max="7" width="5" style="1" customWidth="1"/>
    <col min="8" max="8" width="3.44140625" style="1" customWidth="1"/>
    <col min="9" max="9" width="6.88671875" style="1" customWidth="1"/>
    <col min="10" max="10" width="3.88671875" style="1" customWidth="1"/>
    <col min="11" max="11" width="3.21875" style="1" customWidth="1"/>
    <col min="12" max="12" width="4.77734375" style="1" customWidth="1"/>
    <col min="13" max="13" width="1.6640625" style="1" customWidth="1"/>
    <col min="14" max="14" width="3.21875" style="1" customWidth="1"/>
    <col min="15" max="15" width="1.6640625" style="1" customWidth="1"/>
    <col min="16" max="16" width="2.21875" style="1" customWidth="1"/>
    <col min="17" max="17" width="5.6640625" style="1" customWidth="1"/>
    <col min="18" max="18" width="2.21875" style="1" customWidth="1"/>
    <col min="19" max="19" width="5.6640625" style="1" customWidth="1"/>
    <col min="20" max="20" width="3.109375" style="1" customWidth="1"/>
    <col min="21" max="256" width="9" style="1"/>
    <col min="257" max="258" width="8.21875" style="1" customWidth="1"/>
    <col min="259" max="260" width="7.109375" style="1" customWidth="1"/>
    <col min="261" max="261" width="5.6640625" style="1" customWidth="1"/>
    <col min="262" max="262" width="8.109375" style="1" customWidth="1"/>
    <col min="263" max="263" width="5" style="1" customWidth="1"/>
    <col min="264" max="264" width="3.44140625" style="1" customWidth="1"/>
    <col min="265" max="265" width="6.88671875" style="1" customWidth="1"/>
    <col min="266" max="266" width="3.88671875" style="1" customWidth="1"/>
    <col min="267" max="267" width="3.21875" style="1" customWidth="1"/>
    <col min="268" max="268" width="4.77734375" style="1" customWidth="1"/>
    <col min="269" max="269" width="1.6640625" style="1" customWidth="1"/>
    <col min="270" max="270" width="3.21875" style="1" customWidth="1"/>
    <col min="271" max="271" width="1.6640625" style="1" customWidth="1"/>
    <col min="272" max="272" width="2.21875" style="1" customWidth="1"/>
    <col min="273" max="273" width="5.6640625" style="1" customWidth="1"/>
    <col min="274" max="274" width="2.21875" style="1" customWidth="1"/>
    <col min="275" max="275" width="5.6640625" style="1" customWidth="1"/>
    <col min="276" max="276" width="3.109375" style="1" customWidth="1"/>
    <col min="277" max="512" width="9" style="1"/>
    <col min="513" max="514" width="8.21875" style="1" customWidth="1"/>
    <col min="515" max="516" width="7.109375" style="1" customWidth="1"/>
    <col min="517" max="517" width="5.6640625" style="1" customWidth="1"/>
    <col min="518" max="518" width="8.109375" style="1" customWidth="1"/>
    <col min="519" max="519" width="5" style="1" customWidth="1"/>
    <col min="520" max="520" width="3.44140625" style="1" customWidth="1"/>
    <col min="521" max="521" width="6.88671875" style="1" customWidth="1"/>
    <col min="522" max="522" width="3.88671875" style="1" customWidth="1"/>
    <col min="523" max="523" width="3.21875" style="1" customWidth="1"/>
    <col min="524" max="524" width="4.77734375" style="1" customWidth="1"/>
    <col min="525" max="525" width="1.6640625" style="1" customWidth="1"/>
    <col min="526" max="526" width="3.21875" style="1" customWidth="1"/>
    <col min="527" max="527" width="1.6640625" style="1" customWidth="1"/>
    <col min="528" max="528" width="2.21875" style="1" customWidth="1"/>
    <col min="529" max="529" width="5.6640625" style="1" customWidth="1"/>
    <col min="530" max="530" width="2.21875" style="1" customWidth="1"/>
    <col min="531" max="531" width="5.6640625" style="1" customWidth="1"/>
    <col min="532" max="532" width="3.109375" style="1" customWidth="1"/>
    <col min="533" max="768" width="9" style="1"/>
    <col min="769" max="770" width="8.21875" style="1" customWidth="1"/>
    <col min="771" max="772" width="7.109375" style="1" customWidth="1"/>
    <col min="773" max="773" width="5.6640625" style="1" customWidth="1"/>
    <col min="774" max="774" width="8.109375" style="1" customWidth="1"/>
    <col min="775" max="775" width="5" style="1" customWidth="1"/>
    <col min="776" max="776" width="3.44140625" style="1" customWidth="1"/>
    <col min="777" max="777" width="6.88671875" style="1" customWidth="1"/>
    <col min="778" max="778" width="3.88671875" style="1" customWidth="1"/>
    <col min="779" max="779" width="3.21875" style="1" customWidth="1"/>
    <col min="780" max="780" width="4.77734375" style="1" customWidth="1"/>
    <col min="781" max="781" width="1.6640625" style="1" customWidth="1"/>
    <col min="782" max="782" width="3.21875" style="1" customWidth="1"/>
    <col min="783" max="783" width="1.6640625" style="1" customWidth="1"/>
    <col min="784" max="784" width="2.21875" style="1" customWidth="1"/>
    <col min="785" max="785" width="5.6640625" style="1" customWidth="1"/>
    <col min="786" max="786" width="2.21875" style="1" customWidth="1"/>
    <col min="787" max="787" width="5.6640625" style="1" customWidth="1"/>
    <col min="788" max="788" width="3.109375" style="1" customWidth="1"/>
    <col min="789" max="1024" width="9" style="1"/>
    <col min="1025" max="1026" width="8.21875" style="1" customWidth="1"/>
    <col min="1027" max="1028" width="7.109375" style="1" customWidth="1"/>
    <col min="1029" max="1029" width="5.6640625" style="1" customWidth="1"/>
    <col min="1030" max="1030" width="8.109375" style="1" customWidth="1"/>
    <col min="1031" max="1031" width="5" style="1" customWidth="1"/>
    <col min="1032" max="1032" width="3.44140625" style="1" customWidth="1"/>
    <col min="1033" max="1033" width="6.88671875" style="1" customWidth="1"/>
    <col min="1034" max="1034" width="3.88671875" style="1" customWidth="1"/>
    <col min="1035" max="1035" width="3.21875" style="1" customWidth="1"/>
    <col min="1036" max="1036" width="4.77734375" style="1" customWidth="1"/>
    <col min="1037" max="1037" width="1.6640625" style="1" customWidth="1"/>
    <col min="1038" max="1038" width="3.21875" style="1" customWidth="1"/>
    <col min="1039" max="1039" width="1.6640625" style="1" customWidth="1"/>
    <col min="1040" max="1040" width="2.21875" style="1" customWidth="1"/>
    <col min="1041" max="1041" width="5.6640625" style="1" customWidth="1"/>
    <col min="1042" max="1042" width="2.21875" style="1" customWidth="1"/>
    <col min="1043" max="1043" width="5.6640625" style="1" customWidth="1"/>
    <col min="1044" max="1044" width="3.109375" style="1" customWidth="1"/>
    <col min="1045" max="1280" width="9" style="1"/>
    <col min="1281" max="1282" width="8.21875" style="1" customWidth="1"/>
    <col min="1283" max="1284" width="7.109375" style="1" customWidth="1"/>
    <col min="1285" max="1285" width="5.6640625" style="1" customWidth="1"/>
    <col min="1286" max="1286" width="8.109375" style="1" customWidth="1"/>
    <col min="1287" max="1287" width="5" style="1" customWidth="1"/>
    <col min="1288" max="1288" width="3.44140625" style="1" customWidth="1"/>
    <col min="1289" max="1289" width="6.88671875" style="1" customWidth="1"/>
    <col min="1290" max="1290" width="3.88671875" style="1" customWidth="1"/>
    <col min="1291" max="1291" width="3.21875" style="1" customWidth="1"/>
    <col min="1292" max="1292" width="4.77734375" style="1" customWidth="1"/>
    <col min="1293" max="1293" width="1.6640625" style="1" customWidth="1"/>
    <col min="1294" max="1294" width="3.21875" style="1" customWidth="1"/>
    <col min="1295" max="1295" width="1.6640625" style="1" customWidth="1"/>
    <col min="1296" max="1296" width="2.21875" style="1" customWidth="1"/>
    <col min="1297" max="1297" width="5.6640625" style="1" customWidth="1"/>
    <col min="1298" max="1298" width="2.21875" style="1" customWidth="1"/>
    <col min="1299" max="1299" width="5.6640625" style="1" customWidth="1"/>
    <col min="1300" max="1300" width="3.109375" style="1" customWidth="1"/>
    <col min="1301" max="1536" width="9" style="1"/>
    <col min="1537" max="1538" width="8.21875" style="1" customWidth="1"/>
    <col min="1539" max="1540" width="7.109375" style="1" customWidth="1"/>
    <col min="1541" max="1541" width="5.6640625" style="1" customWidth="1"/>
    <col min="1542" max="1542" width="8.109375" style="1" customWidth="1"/>
    <col min="1543" max="1543" width="5" style="1" customWidth="1"/>
    <col min="1544" max="1544" width="3.44140625" style="1" customWidth="1"/>
    <col min="1545" max="1545" width="6.88671875" style="1" customWidth="1"/>
    <col min="1546" max="1546" width="3.88671875" style="1" customWidth="1"/>
    <col min="1547" max="1547" width="3.21875" style="1" customWidth="1"/>
    <col min="1548" max="1548" width="4.77734375" style="1" customWidth="1"/>
    <col min="1549" max="1549" width="1.6640625" style="1" customWidth="1"/>
    <col min="1550" max="1550" width="3.21875" style="1" customWidth="1"/>
    <col min="1551" max="1551" width="1.6640625" style="1" customWidth="1"/>
    <col min="1552" max="1552" width="2.21875" style="1" customWidth="1"/>
    <col min="1553" max="1553" width="5.6640625" style="1" customWidth="1"/>
    <col min="1554" max="1554" width="2.21875" style="1" customWidth="1"/>
    <col min="1555" max="1555" width="5.6640625" style="1" customWidth="1"/>
    <col min="1556" max="1556" width="3.109375" style="1" customWidth="1"/>
    <col min="1557" max="1792" width="9" style="1"/>
    <col min="1793" max="1794" width="8.21875" style="1" customWidth="1"/>
    <col min="1795" max="1796" width="7.109375" style="1" customWidth="1"/>
    <col min="1797" max="1797" width="5.6640625" style="1" customWidth="1"/>
    <col min="1798" max="1798" width="8.109375" style="1" customWidth="1"/>
    <col min="1799" max="1799" width="5" style="1" customWidth="1"/>
    <col min="1800" max="1800" width="3.44140625" style="1" customWidth="1"/>
    <col min="1801" max="1801" width="6.88671875" style="1" customWidth="1"/>
    <col min="1802" max="1802" width="3.88671875" style="1" customWidth="1"/>
    <col min="1803" max="1803" width="3.21875" style="1" customWidth="1"/>
    <col min="1804" max="1804" width="4.77734375" style="1" customWidth="1"/>
    <col min="1805" max="1805" width="1.6640625" style="1" customWidth="1"/>
    <col min="1806" max="1806" width="3.21875" style="1" customWidth="1"/>
    <col min="1807" max="1807" width="1.6640625" style="1" customWidth="1"/>
    <col min="1808" max="1808" width="2.21875" style="1" customWidth="1"/>
    <col min="1809" max="1809" width="5.6640625" style="1" customWidth="1"/>
    <col min="1810" max="1810" width="2.21875" style="1" customWidth="1"/>
    <col min="1811" max="1811" width="5.6640625" style="1" customWidth="1"/>
    <col min="1812" max="1812" width="3.109375" style="1" customWidth="1"/>
    <col min="1813" max="2048" width="9" style="1"/>
    <col min="2049" max="2050" width="8.21875" style="1" customWidth="1"/>
    <col min="2051" max="2052" width="7.109375" style="1" customWidth="1"/>
    <col min="2053" max="2053" width="5.6640625" style="1" customWidth="1"/>
    <col min="2054" max="2054" width="8.109375" style="1" customWidth="1"/>
    <col min="2055" max="2055" width="5" style="1" customWidth="1"/>
    <col min="2056" max="2056" width="3.44140625" style="1" customWidth="1"/>
    <col min="2057" max="2057" width="6.88671875" style="1" customWidth="1"/>
    <col min="2058" max="2058" width="3.88671875" style="1" customWidth="1"/>
    <col min="2059" max="2059" width="3.21875" style="1" customWidth="1"/>
    <col min="2060" max="2060" width="4.77734375" style="1" customWidth="1"/>
    <col min="2061" max="2061" width="1.6640625" style="1" customWidth="1"/>
    <col min="2062" max="2062" width="3.21875" style="1" customWidth="1"/>
    <col min="2063" max="2063" width="1.6640625" style="1" customWidth="1"/>
    <col min="2064" max="2064" width="2.21875" style="1" customWidth="1"/>
    <col min="2065" max="2065" width="5.6640625" style="1" customWidth="1"/>
    <col min="2066" max="2066" width="2.21875" style="1" customWidth="1"/>
    <col min="2067" max="2067" width="5.6640625" style="1" customWidth="1"/>
    <col min="2068" max="2068" width="3.109375" style="1" customWidth="1"/>
    <col min="2069" max="2304" width="9" style="1"/>
    <col min="2305" max="2306" width="8.21875" style="1" customWidth="1"/>
    <col min="2307" max="2308" width="7.109375" style="1" customWidth="1"/>
    <col min="2309" max="2309" width="5.6640625" style="1" customWidth="1"/>
    <col min="2310" max="2310" width="8.109375" style="1" customWidth="1"/>
    <col min="2311" max="2311" width="5" style="1" customWidth="1"/>
    <col min="2312" max="2312" width="3.44140625" style="1" customWidth="1"/>
    <col min="2313" max="2313" width="6.88671875" style="1" customWidth="1"/>
    <col min="2314" max="2314" width="3.88671875" style="1" customWidth="1"/>
    <col min="2315" max="2315" width="3.21875" style="1" customWidth="1"/>
    <col min="2316" max="2316" width="4.77734375" style="1" customWidth="1"/>
    <col min="2317" max="2317" width="1.6640625" style="1" customWidth="1"/>
    <col min="2318" max="2318" width="3.21875" style="1" customWidth="1"/>
    <col min="2319" max="2319" width="1.6640625" style="1" customWidth="1"/>
    <col min="2320" max="2320" width="2.21875" style="1" customWidth="1"/>
    <col min="2321" max="2321" width="5.6640625" style="1" customWidth="1"/>
    <col min="2322" max="2322" width="2.21875" style="1" customWidth="1"/>
    <col min="2323" max="2323" width="5.6640625" style="1" customWidth="1"/>
    <col min="2324" max="2324" width="3.109375" style="1" customWidth="1"/>
    <col min="2325" max="2560" width="9" style="1"/>
    <col min="2561" max="2562" width="8.21875" style="1" customWidth="1"/>
    <col min="2563" max="2564" width="7.109375" style="1" customWidth="1"/>
    <col min="2565" max="2565" width="5.6640625" style="1" customWidth="1"/>
    <col min="2566" max="2566" width="8.109375" style="1" customWidth="1"/>
    <col min="2567" max="2567" width="5" style="1" customWidth="1"/>
    <col min="2568" max="2568" width="3.44140625" style="1" customWidth="1"/>
    <col min="2569" max="2569" width="6.88671875" style="1" customWidth="1"/>
    <col min="2570" max="2570" width="3.88671875" style="1" customWidth="1"/>
    <col min="2571" max="2571" width="3.21875" style="1" customWidth="1"/>
    <col min="2572" max="2572" width="4.77734375" style="1" customWidth="1"/>
    <col min="2573" max="2573" width="1.6640625" style="1" customWidth="1"/>
    <col min="2574" max="2574" width="3.21875" style="1" customWidth="1"/>
    <col min="2575" max="2575" width="1.6640625" style="1" customWidth="1"/>
    <col min="2576" max="2576" width="2.21875" style="1" customWidth="1"/>
    <col min="2577" max="2577" width="5.6640625" style="1" customWidth="1"/>
    <col min="2578" max="2578" width="2.21875" style="1" customWidth="1"/>
    <col min="2579" max="2579" width="5.6640625" style="1" customWidth="1"/>
    <col min="2580" max="2580" width="3.109375" style="1" customWidth="1"/>
    <col min="2581" max="2816" width="9" style="1"/>
    <col min="2817" max="2818" width="8.21875" style="1" customWidth="1"/>
    <col min="2819" max="2820" width="7.109375" style="1" customWidth="1"/>
    <col min="2821" max="2821" width="5.6640625" style="1" customWidth="1"/>
    <col min="2822" max="2822" width="8.109375" style="1" customWidth="1"/>
    <col min="2823" max="2823" width="5" style="1" customWidth="1"/>
    <col min="2824" max="2824" width="3.44140625" style="1" customWidth="1"/>
    <col min="2825" max="2825" width="6.88671875" style="1" customWidth="1"/>
    <col min="2826" max="2826" width="3.88671875" style="1" customWidth="1"/>
    <col min="2827" max="2827" width="3.21875" style="1" customWidth="1"/>
    <col min="2828" max="2828" width="4.77734375" style="1" customWidth="1"/>
    <col min="2829" max="2829" width="1.6640625" style="1" customWidth="1"/>
    <col min="2830" max="2830" width="3.21875" style="1" customWidth="1"/>
    <col min="2831" max="2831" width="1.6640625" style="1" customWidth="1"/>
    <col min="2832" max="2832" width="2.21875" style="1" customWidth="1"/>
    <col min="2833" max="2833" width="5.6640625" style="1" customWidth="1"/>
    <col min="2834" max="2834" width="2.21875" style="1" customWidth="1"/>
    <col min="2835" max="2835" width="5.6640625" style="1" customWidth="1"/>
    <col min="2836" max="2836" width="3.109375" style="1" customWidth="1"/>
    <col min="2837" max="3072" width="9" style="1"/>
    <col min="3073" max="3074" width="8.21875" style="1" customWidth="1"/>
    <col min="3075" max="3076" width="7.109375" style="1" customWidth="1"/>
    <col min="3077" max="3077" width="5.6640625" style="1" customWidth="1"/>
    <col min="3078" max="3078" width="8.109375" style="1" customWidth="1"/>
    <col min="3079" max="3079" width="5" style="1" customWidth="1"/>
    <col min="3080" max="3080" width="3.44140625" style="1" customWidth="1"/>
    <col min="3081" max="3081" width="6.88671875" style="1" customWidth="1"/>
    <col min="3082" max="3082" width="3.88671875" style="1" customWidth="1"/>
    <col min="3083" max="3083" width="3.21875" style="1" customWidth="1"/>
    <col min="3084" max="3084" width="4.77734375" style="1" customWidth="1"/>
    <col min="3085" max="3085" width="1.6640625" style="1" customWidth="1"/>
    <col min="3086" max="3086" width="3.21875" style="1" customWidth="1"/>
    <col min="3087" max="3087" width="1.6640625" style="1" customWidth="1"/>
    <col min="3088" max="3088" width="2.21875" style="1" customWidth="1"/>
    <col min="3089" max="3089" width="5.6640625" style="1" customWidth="1"/>
    <col min="3090" max="3090" width="2.21875" style="1" customWidth="1"/>
    <col min="3091" max="3091" width="5.6640625" style="1" customWidth="1"/>
    <col min="3092" max="3092" width="3.109375" style="1" customWidth="1"/>
    <col min="3093" max="3328" width="9" style="1"/>
    <col min="3329" max="3330" width="8.21875" style="1" customWidth="1"/>
    <col min="3331" max="3332" width="7.109375" style="1" customWidth="1"/>
    <col min="3333" max="3333" width="5.6640625" style="1" customWidth="1"/>
    <col min="3334" max="3334" width="8.109375" style="1" customWidth="1"/>
    <col min="3335" max="3335" width="5" style="1" customWidth="1"/>
    <col min="3336" max="3336" width="3.44140625" style="1" customWidth="1"/>
    <col min="3337" max="3337" width="6.88671875" style="1" customWidth="1"/>
    <col min="3338" max="3338" width="3.88671875" style="1" customWidth="1"/>
    <col min="3339" max="3339" width="3.21875" style="1" customWidth="1"/>
    <col min="3340" max="3340" width="4.77734375" style="1" customWidth="1"/>
    <col min="3341" max="3341" width="1.6640625" style="1" customWidth="1"/>
    <col min="3342" max="3342" width="3.21875" style="1" customWidth="1"/>
    <col min="3343" max="3343" width="1.6640625" style="1" customWidth="1"/>
    <col min="3344" max="3344" width="2.21875" style="1" customWidth="1"/>
    <col min="3345" max="3345" width="5.6640625" style="1" customWidth="1"/>
    <col min="3346" max="3346" width="2.21875" style="1" customWidth="1"/>
    <col min="3347" max="3347" width="5.6640625" style="1" customWidth="1"/>
    <col min="3348" max="3348" width="3.109375" style="1" customWidth="1"/>
    <col min="3349" max="3584" width="9" style="1"/>
    <col min="3585" max="3586" width="8.21875" style="1" customWidth="1"/>
    <col min="3587" max="3588" width="7.109375" style="1" customWidth="1"/>
    <col min="3589" max="3589" width="5.6640625" style="1" customWidth="1"/>
    <col min="3590" max="3590" width="8.109375" style="1" customWidth="1"/>
    <col min="3591" max="3591" width="5" style="1" customWidth="1"/>
    <col min="3592" max="3592" width="3.44140625" style="1" customWidth="1"/>
    <col min="3593" max="3593" width="6.88671875" style="1" customWidth="1"/>
    <col min="3594" max="3594" width="3.88671875" style="1" customWidth="1"/>
    <col min="3595" max="3595" width="3.21875" style="1" customWidth="1"/>
    <col min="3596" max="3596" width="4.77734375" style="1" customWidth="1"/>
    <col min="3597" max="3597" width="1.6640625" style="1" customWidth="1"/>
    <col min="3598" max="3598" width="3.21875" style="1" customWidth="1"/>
    <col min="3599" max="3599" width="1.6640625" style="1" customWidth="1"/>
    <col min="3600" max="3600" width="2.21875" style="1" customWidth="1"/>
    <col min="3601" max="3601" width="5.6640625" style="1" customWidth="1"/>
    <col min="3602" max="3602" width="2.21875" style="1" customWidth="1"/>
    <col min="3603" max="3603" width="5.6640625" style="1" customWidth="1"/>
    <col min="3604" max="3604" width="3.109375" style="1" customWidth="1"/>
    <col min="3605" max="3840" width="9" style="1"/>
    <col min="3841" max="3842" width="8.21875" style="1" customWidth="1"/>
    <col min="3843" max="3844" width="7.109375" style="1" customWidth="1"/>
    <col min="3845" max="3845" width="5.6640625" style="1" customWidth="1"/>
    <col min="3846" max="3846" width="8.109375" style="1" customWidth="1"/>
    <col min="3847" max="3847" width="5" style="1" customWidth="1"/>
    <col min="3848" max="3848" width="3.44140625" style="1" customWidth="1"/>
    <col min="3849" max="3849" width="6.88671875" style="1" customWidth="1"/>
    <col min="3850" max="3850" width="3.88671875" style="1" customWidth="1"/>
    <col min="3851" max="3851" width="3.21875" style="1" customWidth="1"/>
    <col min="3852" max="3852" width="4.77734375" style="1" customWidth="1"/>
    <col min="3853" max="3853" width="1.6640625" style="1" customWidth="1"/>
    <col min="3854" max="3854" width="3.21875" style="1" customWidth="1"/>
    <col min="3855" max="3855" width="1.6640625" style="1" customWidth="1"/>
    <col min="3856" max="3856" width="2.21875" style="1" customWidth="1"/>
    <col min="3857" max="3857" width="5.6640625" style="1" customWidth="1"/>
    <col min="3858" max="3858" width="2.21875" style="1" customWidth="1"/>
    <col min="3859" max="3859" width="5.6640625" style="1" customWidth="1"/>
    <col min="3860" max="3860" width="3.109375" style="1" customWidth="1"/>
    <col min="3861" max="4096" width="9" style="1"/>
    <col min="4097" max="4098" width="8.21875" style="1" customWidth="1"/>
    <col min="4099" max="4100" width="7.109375" style="1" customWidth="1"/>
    <col min="4101" max="4101" width="5.6640625" style="1" customWidth="1"/>
    <col min="4102" max="4102" width="8.109375" style="1" customWidth="1"/>
    <col min="4103" max="4103" width="5" style="1" customWidth="1"/>
    <col min="4104" max="4104" width="3.44140625" style="1" customWidth="1"/>
    <col min="4105" max="4105" width="6.88671875" style="1" customWidth="1"/>
    <col min="4106" max="4106" width="3.88671875" style="1" customWidth="1"/>
    <col min="4107" max="4107" width="3.21875" style="1" customWidth="1"/>
    <col min="4108" max="4108" width="4.77734375" style="1" customWidth="1"/>
    <col min="4109" max="4109" width="1.6640625" style="1" customWidth="1"/>
    <col min="4110" max="4110" width="3.21875" style="1" customWidth="1"/>
    <col min="4111" max="4111" width="1.6640625" style="1" customWidth="1"/>
    <col min="4112" max="4112" width="2.21875" style="1" customWidth="1"/>
    <col min="4113" max="4113" width="5.6640625" style="1" customWidth="1"/>
    <col min="4114" max="4114" width="2.21875" style="1" customWidth="1"/>
    <col min="4115" max="4115" width="5.6640625" style="1" customWidth="1"/>
    <col min="4116" max="4116" width="3.109375" style="1" customWidth="1"/>
    <col min="4117" max="4352" width="9" style="1"/>
    <col min="4353" max="4354" width="8.21875" style="1" customWidth="1"/>
    <col min="4355" max="4356" width="7.109375" style="1" customWidth="1"/>
    <col min="4357" max="4357" width="5.6640625" style="1" customWidth="1"/>
    <col min="4358" max="4358" width="8.109375" style="1" customWidth="1"/>
    <col min="4359" max="4359" width="5" style="1" customWidth="1"/>
    <col min="4360" max="4360" width="3.44140625" style="1" customWidth="1"/>
    <col min="4361" max="4361" width="6.88671875" style="1" customWidth="1"/>
    <col min="4362" max="4362" width="3.88671875" style="1" customWidth="1"/>
    <col min="4363" max="4363" width="3.21875" style="1" customWidth="1"/>
    <col min="4364" max="4364" width="4.77734375" style="1" customWidth="1"/>
    <col min="4365" max="4365" width="1.6640625" style="1" customWidth="1"/>
    <col min="4366" max="4366" width="3.21875" style="1" customWidth="1"/>
    <col min="4367" max="4367" width="1.6640625" style="1" customWidth="1"/>
    <col min="4368" max="4368" width="2.21875" style="1" customWidth="1"/>
    <col min="4369" max="4369" width="5.6640625" style="1" customWidth="1"/>
    <col min="4370" max="4370" width="2.21875" style="1" customWidth="1"/>
    <col min="4371" max="4371" width="5.6640625" style="1" customWidth="1"/>
    <col min="4372" max="4372" width="3.109375" style="1" customWidth="1"/>
    <col min="4373" max="4608" width="9" style="1"/>
    <col min="4609" max="4610" width="8.21875" style="1" customWidth="1"/>
    <col min="4611" max="4612" width="7.109375" style="1" customWidth="1"/>
    <col min="4613" max="4613" width="5.6640625" style="1" customWidth="1"/>
    <col min="4614" max="4614" width="8.109375" style="1" customWidth="1"/>
    <col min="4615" max="4615" width="5" style="1" customWidth="1"/>
    <col min="4616" max="4616" width="3.44140625" style="1" customWidth="1"/>
    <col min="4617" max="4617" width="6.88671875" style="1" customWidth="1"/>
    <col min="4618" max="4618" width="3.88671875" style="1" customWidth="1"/>
    <col min="4619" max="4619" width="3.21875" style="1" customWidth="1"/>
    <col min="4620" max="4620" width="4.77734375" style="1" customWidth="1"/>
    <col min="4621" max="4621" width="1.6640625" style="1" customWidth="1"/>
    <col min="4622" max="4622" width="3.21875" style="1" customWidth="1"/>
    <col min="4623" max="4623" width="1.6640625" style="1" customWidth="1"/>
    <col min="4624" max="4624" width="2.21875" style="1" customWidth="1"/>
    <col min="4625" max="4625" width="5.6640625" style="1" customWidth="1"/>
    <col min="4626" max="4626" width="2.21875" style="1" customWidth="1"/>
    <col min="4627" max="4627" width="5.6640625" style="1" customWidth="1"/>
    <col min="4628" max="4628" width="3.109375" style="1" customWidth="1"/>
    <col min="4629" max="4864" width="9" style="1"/>
    <col min="4865" max="4866" width="8.21875" style="1" customWidth="1"/>
    <col min="4867" max="4868" width="7.109375" style="1" customWidth="1"/>
    <col min="4869" max="4869" width="5.6640625" style="1" customWidth="1"/>
    <col min="4870" max="4870" width="8.109375" style="1" customWidth="1"/>
    <col min="4871" max="4871" width="5" style="1" customWidth="1"/>
    <col min="4872" max="4872" width="3.44140625" style="1" customWidth="1"/>
    <col min="4873" max="4873" width="6.88671875" style="1" customWidth="1"/>
    <col min="4874" max="4874" width="3.88671875" style="1" customWidth="1"/>
    <col min="4875" max="4875" width="3.21875" style="1" customWidth="1"/>
    <col min="4876" max="4876" width="4.77734375" style="1" customWidth="1"/>
    <col min="4877" max="4877" width="1.6640625" style="1" customWidth="1"/>
    <col min="4878" max="4878" width="3.21875" style="1" customWidth="1"/>
    <col min="4879" max="4879" width="1.6640625" style="1" customWidth="1"/>
    <col min="4880" max="4880" width="2.21875" style="1" customWidth="1"/>
    <col min="4881" max="4881" width="5.6640625" style="1" customWidth="1"/>
    <col min="4882" max="4882" width="2.21875" style="1" customWidth="1"/>
    <col min="4883" max="4883" width="5.6640625" style="1" customWidth="1"/>
    <col min="4884" max="4884" width="3.109375" style="1" customWidth="1"/>
    <col min="4885" max="5120" width="9" style="1"/>
    <col min="5121" max="5122" width="8.21875" style="1" customWidth="1"/>
    <col min="5123" max="5124" width="7.109375" style="1" customWidth="1"/>
    <col min="5125" max="5125" width="5.6640625" style="1" customWidth="1"/>
    <col min="5126" max="5126" width="8.109375" style="1" customWidth="1"/>
    <col min="5127" max="5127" width="5" style="1" customWidth="1"/>
    <col min="5128" max="5128" width="3.44140625" style="1" customWidth="1"/>
    <col min="5129" max="5129" width="6.88671875" style="1" customWidth="1"/>
    <col min="5130" max="5130" width="3.88671875" style="1" customWidth="1"/>
    <col min="5131" max="5131" width="3.21875" style="1" customWidth="1"/>
    <col min="5132" max="5132" width="4.77734375" style="1" customWidth="1"/>
    <col min="5133" max="5133" width="1.6640625" style="1" customWidth="1"/>
    <col min="5134" max="5134" width="3.21875" style="1" customWidth="1"/>
    <col min="5135" max="5135" width="1.6640625" style="1" customWidth="1"/>
    <col min="5136" max="5136" width="2.21875" style="1" customWidth="1"/>
    <col min="5137" max="5137" width="5.6640625" style="1" customWidth="1"/>
    <col min="5138" max="5138" width="2.21875" style="1" customWidth="1"/>
    <col min="5139" max="5139" width="5.6640625" style="1" customWidth="1"/>
    <col min="5140" max="5140" width="3.109375" style="1" customWidth="1"/>
    <col min="5141" max="5376" width="9" style="1"/>
    <col min="5377" max="5378" width="8.21875" style="1" customWidth="1"/>
    <col min="5379" max="5380" width="7.109375" style="1" customWidth="1"/>
    <col min="5381" max="5381" width="5.6640625" style="1" customWidth="1"/>
    <col min="5382" max="5382" width="8.109375" style="1" customWidth="1"/>
    <col min="5383" max="5383" width="5" style="1" customWidth="1"/>
    <col min="5384" max="5384" width="3.44140625" style="1" customWidth="1"/>
    <col min="5385" max="5385" width="6.88671875" style="1" customWidth="1"/>
    <col min="5386" max="5386" width="3.88671875" style="1" customWidth="1"/>
    <col min="5387" max="5387" width="3.21875" style="1" customWidth="1"/>
    <col min="5388" max="5388" width="4.77734375" style="1" customWidth="1"/>
    <col min="5389" max="5389" width="1.6640625" style="1" customWidth="1"/>
    <col min="5390" max="5390" width="3.21875" style="1" customWidth="1"/>
    <col min="5391" max="5391" width="1.6640625" style="1" customWidth="1"/>
    <col min="5392" max="5392" width="2.21875" style="1" customWidth="1"/>
    <col min="5393" max="5393" width="5.6640625" style="1" customWidth="1"/>
    <col min="5394" max="5394" width="2.21875" style="1" customWidth="1"/>
    <col min="5395" max="5395" width="5.6640625" style="1" customWidth="1"/>
    <col min="5396" max="5396" width="3.109375" style="1" customWidth="1"/>
    <col min="5397" max="5632" width="9" style="1"/>
    <col min="5633" max="5634" width="8.21875" style="1" customWidth="1"/>
    <col min="5635" max="5636" width="7.109375" style="1" customWidth="1"/>
    <col min="5637" max="5637" width="5.6640625" style="1" customWidth="1"/>
    <col min="5638" max="5638" width="8.109375" style="1" customWidth="1"/>
    <col min="5639" max="5639" width="5" style="1" customWidth="1"/>
    <col min="5640" max="5640" width="3.44140625" style="1" customWidth="1"/>
    <col min="5641" max="5641" width="6.88671875" style="1" customWidth="1"/>
    <col min="5642" max="5642" width="3.88671875" style="1" customWidth="1"/>
    <col min="5643" max="5643" width="3.21875" style="1" customWidth="1"/>
    <col min="5644" max="5644" width="4.77734375" style="1" customWidth="1"/>
    <col min="5645" max="5645" width="1.6640625" style="1" customWidth="1"/>
    <col min="5646" max="5646" width="3.21875" style="1" customWidth="1"/>
    <col min="5647" max="5647" width="1.6640625" style="1" customWidth="1"/>
    <col min="5648" max="5648" width="2.21875" style="1" customWidth="1"/>
    <col min="5649" max="5649" width="5.6640625" style="1" customWidth="1"/>
    <col min="5650" max="5650" width="2.21875" style="1" customWidth="1"/>
    <col min="5651" max="5651" width="5.6640625" style="1" customWidth="1"/>
    <col min="5652" max="5652" width="3.109375" style="1" customWidth="1"/>
    <col min="5653" max="5888" width="9" style="1"/>
    <col min="5889" max="5890" width="8.21875" style="1" customWidth="1"/>
    <col min="5891" max="5892" width="7.109375" style="1" customWidth="1"/>
    <col min="5893" max="5893" width="5.6640625" style="1" customWidth="1"/>
    <col min="5894" max="5894" width="8.109375" style="1" customWidth="1"/>
    <col min="5895" max="5895" width="5" style="1" customWidth="1"/>
    <col min="5896" max="5896" width="3.44140625" style="1" customWidth="1"/>
    <col min="5897" max="5897" width="6.88671875" style="1" customWidth="1"/>
    <col min="5898" max="5898" width="3.88671875" style="1" customWidth="1"/>
    <col min="5899" max="5899" width="3.21875" style="1" customWidth="1"/>
    <col min="5900" max="5900" width="4.77734375" style="1" customWidth="1"/>
    <col min="5901" max="5901" width="1.6640625" style="1" customWidth="1"/>
    <col min="5902" max="5902" width="3.21875" style="1" customWidth="1"/>
    <col min="5903" max="5903" width="1.6640625" style="1" customWidth="1"/>
    <col min="5904" max="5904" width="2.21875" style="1" customWidth="1"/>
    <col min="5905" max="5905" width="5.6640625" style="1" customWidth="1"/>
    <col min="5906" max="5906" width="2.21875" style="1" customWidth="1"/>
    <col min="5907" max="5907" width="5.6640625" style="1" customWidth="1"/>
    <col min="5908" max="5908" width="3.109375" style="1" customWidth="1"/>
    <col min="5909" max="6144" width="9" style="1"/>
    <col min="6145" max="6146" width="8.21875" style="1" customWidth="1"/>
    <col min="6147" max="6148" width="7.109375" style="1" customWidth="1"/>
    <col min="6149" max="6149" width="5.6640625" style="1" customWidth="1"/>
    <col min="6150" max="6150" width="8.109375" style="1" customWidth="1"/>
    <col min="6151" max="6151" width="5" style="1" customWidth="1"/>
    <col min="6152" max="6152" width="3.44140625" style="1" customWidth="1"/>
    <col min="6153" max="6153" width="6.88671875" style="1" customWidth="1"/>
    <col min="6154" max="6154" width="3.88671875" style="1" customWidth="1"/>
    <col min="6155" max="6155" width="3.21875" style="1" customWidth="1"/>
    <col min="6156" max="6156" width="4.77734375" style="1" customWidth="1"/>
    <col min="6157" max="6157" width="1.6640625" style="1" customWidth="1"/>
    <col min="6158" max="6158" width="3.21875" style="1" customWidth="1"/>
    <col min="6159" max="6159" width="1.6640625" style="1" customWidth="1"/>
    <col min="6160" max="6160" width="2.21875" style="1" customWidth="1"/>
    <col min="6161" max="6161" width="5.6640625" style="1" customWidth="1"/>
    <col min="6162" max="6162" width="2.21875" style="1" customWidth="1"/>
    <col min="6163" max="6163" width="5.6640625" style="1" customWidth="1"/>
    <col min="6164" max="6164" width="3.109375" style="1" customWidth="1"/>
    <col min="6165" max="6400" width="9" style="1"/>
    <col min="6401" max="6402" width="8.21875" style="1" customWidth="1"/>
    <col min="6403" max="6404" width="7.109375" style="1" customWidth="1"/>
    <col min="6405" max="6405" width="5.6640625" style="1" customWidth="1"/>
    <col min="6406" max="6406" width="8.109375" style="1" customWidth="1"/>
    <col min="6407" max="6407" width="5" style="1" customWidth="1"/>
    <col min="6408" max="6408" width="3.44140625" style="1" customWidth="1"/>
    <col min="6409" max="6409" width="6.88671875" style="1" customWidth="1"/>
    <col min="6410" max="6410" width="3.88671875" style="1" customWidth="1"/>
    <col min="6411" max="6411" width="3.21875" style="1" customWidth="1"/>
    <col min="6412" max="6412" width="4.77734375" style="1" customWidth="1"/>
    <col min="6413" max="6413" width="1.6640625" style="1" customWidth="1"/>
    <col min="6414" max="6414" width="3.21875" style="1" customWidth="1"/>
    <col min="6415" max="6415" width="1.6640625" style="1" customWidth="1"/>
    <col min="6416" max="6416" width="2.21875" style="1" customWidth="1"/>
    <col min="6417" max="6417" width="5.6640625" style="1" customWidth="1"/>
    <col min="6418" max="6418" width="2.21875" style="1" customWidth="1"/>
    <col min="6419" max="6419" width="5.6640625" style="1" customWidth="1"/>
    <col min="6420" max="6420" width="3.109375" style="1" customWidth="1"/>
    <col min="6421" max="6656" width="9" style="1"/>
    <col min="6657" max="6658" width="8.21875" style="1" customWidth="1"/>
    <col min="6659" max="6660" width="7.109375" style="1" customWidth="1"/>
    <col min="6661" max="6661" width="5.6640625" style="1" customWidth="1"/>
    <col min="6662" max="6662" width="8.109375" style="1" customWidth="1"/>
    <col min="6663" max="6663" width="5" style="1" customWidth="1"/>
    <col min="6664" max="6664" width="3.44140625" style="1" customWidth="1"/>
    <col min="6665" max="6665" width="6.88671875" style="1" customWidth="1"/>
    <col min="6666" max="6666" width="3.88671875" style="1" customWidth="1"/>
    <col min="6667" max="6667" width="3.21875" style="1" customWidth="1"/>
    <col min="6668" max="6668" width="4.77734375" style="1" customWidth="1"/>
    <col min="6669" max="6669" width="1.6640625" style="1" customWidth="1"/>
    <col min="6670" max="6670" width="3.21875" style="1" customWidth="1"/>
    <col min="6671" max="6671" width="1.6640625" style="1" customWidth="1"/>
    <col min="6672" max="6672" width="2.21875" style="1" customWidth="1"/>
    <col min="6673" max="6673" width="5.6640625" style="1" customWidth="1"/>
    <col min="6674" max="6674" width="2.21875" style="1" customWidth="1"/>
    <col min="6675" max="6675" width="5.6640625" style="1" customWidth="1"/>
    <col min="6676" max="6676" width="3.109375" style="1" customWidth="1"/>
    <col min="6677" max="6912" width="9" style="1"/>
    <col min="6913" max="6914" width="8.21875" style="1" customWidth="1"/>
    <col min="6915" max="6916" width="7.109375" style="1" customWidth="1"/>
    <col min="6917" max="6917" width="5.6640625" style="1" customWidth="1"/>
    <col min="6918" max="6918" width="8.109375" style="1" customWidth="1"/>
    <col min="6919" max="6919" width="5" style="1" customWidth="1"/>
    <col min="6920" max="6920" width="3.44140625" style="1" customWidth="1"/>
    <col min="6921" max="6921" width="6.88671875" style="1" customWidth="1"/>
    <col min="6922" max="6922" width="3.88671875" style="1" customWidth="1"/>
    <col min="6923" max="6923" width="3.21875" style="1" customWidth="1"/>
    <col min="6924" max="6924" width="4.77734375" style="1" customWidth="1"/>
    <col min="6925" max="6925" width="1.6640625" style="1" customWidth="1"/>
    <col min="6926" max="6926" width="3.21875" style="1" customWidth="1"/>
    <col min="6927" max="6927" width="1.6640625" style="1" customWidth="1"/>
    <col min="6928" max="6928" width="2.21875" style="1" customWidth="1"/>
    <col min="6929" max="6929" width="5.6640625" style="1" customWidth="1"/>
    <col min="6930" max="6930" width="2.21875" style="1" customWidth="1"/>
    <col min="6931" max="6931" width="5.6640625" style="1" customWidth="1"/>
    <col min="6932" max="6932" width="3.109375" style="1" customWidth="1"/>
    <col min="6933" max="7168" width="9" style="1"/>
    <col min="7169" max="7170" width="8.21875" style="1" customWidth="1"/>
    <col min="7171" max="7172" width="7.109375" style="1" customWidth="1"/>
    <col min="7173" max="7173" width="5.6640625" style="1" customWidth="1"/>
    <col min="7174" max="7174" width="8.109375" style="1" customWidth="1"/>
    <col min="7175" max="7175" width="5" style="1" customWidth="1"/>
    <col min="7176" max="7176" width="3.44140625" style="1" customWidth="1"/>
    <col min="7177" max="7177" width="6.88671875" style="1" customWidth="1"/>
    <col min="7178" max="7178" width="3.88671875" style="1" customWidth="1"/>
    <col min="7179" max="7179" width="3.21875" style="1" customWidth="1"/>
    <col min="7180" max="7180" width="4.77734375" style="1" customWidth="1"/>
    <col min="7181" max="7181" width="1.6640625" style="1" customWidth="1"/>
    <col min="7182" max="7182" width="3.21875" style="1" customWidth="1"/>
    <col min="7183" max="7183" width="1.6640625" style="1" customWidth="1"/>
    <col min="7184" max="7184" width="2.21875" style="1" customWidth="1"/>
    <col min="7185" max="7185" width="5.6640625" style="1" customWidth="1"/>
    <col min="7186" max="7186" width="2.21875" style="1" customWidth="1"/>
    <col min="7187" max="7187" width="5.6640625" style="1" customWidth="1"/>
    <col min="7188" max="7188" width="3.109375" style="1" customWidth="1"/>
    <col min="7189" max="7424" width="9" style="1"/>
    <col min="7425" max="7426" width="8.21875" style="1" customWidth="1"/>
    <col min="7427" max="7428" width="7.109375" style="1" customWidth="1"/>
    <col min="7429" max="7429" width="5.6640625" style="1" customWidth="1"/>
    <col min="7430" max="7430" width="8.109375" style="1" customWidth="1"/>
    <col min="7431" max="7431" width="5" style="1" customWidth="1"/>
    <col min="7432" max="7432" width="3.44140625" style="1" customWidth="1"/>
    <col min="7433" max="7433" width="6.88671875" style="1" customWidth="1"/>
    <col min="7434" max="7434" width="3.88671875" style="1" customWidth="1"/>
    <col min="7435" max="7435" width="3.21875" style="1" customWidth="1"/>
    <col min="7436" max="7436" width="4.77734375" style="1" customWidth="1"/>
    <col min="7437" max="7437" width="1.6640625" style="1" customWidth="1"/>
    <col min="7438" max="7438" width="3.21875" style="1" customWidth="1"/>
    <col min="7439" max="7439" width="1.6640625" style="1" customWidth="1"/>
    <col min="7440" max="7440" width="2.21875" style="1" customWidth="1"/>
    <col min="7441" max="7441" width="5.6640625" style="1" customWidth="1"/>
    <col min="7442" max="7442" width="2.21875" style="1" customWidth="1"/>
    <col min="7443" max="7443" width="5.6640625" style="1" customWidth="1"/>
    <col min="7444" max="7444" width="3.109375" style="1" customWidth="1"/>
    <col min="7445" max="7680" width="9" style="1"/>
    <col min="7681" max="7682" width="8.21875" style="1" customWidth="1"/>
    <col min="7683" max="7684" width="7.109375" style="1" customWidth="1"/>
    <col min="7685" max="7685" width="5.6640625" style="1" customWidth="1"/>
    <col min="7686" max="7686" width="8.109375" style="1" customWidth="1"/>
    <col min="7687" max="7687" width="5" style="1" customWidth="1"/>
    <col min="7688" max="7688" width="3.44140625" style="1" customWidth="1"/>
    <col min="7689" max="7689" width="6.88671875" style="1" customWidth="1"/>
    <col min="7690" max="7690" width="3.88671875" style="1" customWidth="1"/>
    <col min="7691" max="7691" width="3.21875" style="1" customWidth="1"/>
    <col min="7692" max="7692" width="4.77734375" style="1" customWidth="1"/>
    <col min="7693" max="7693" width="1.6640625" style="1" customWidth="1"/>
    <col min="7694" max="7694" width="3.21875" style="1" customWidth="1"/>
    <col min="7695" max="7695" width="1.6640625" style="1" customWidth="1"/>
    <col min="7696" max="7696" width="2.21875" style="1" customWidth="1"/>
    <col min="7697" max="7697" width="5.6640625" style="1" customWidth="1"/>
    <col min="7698" max="7698" width="2.21875" style="1" customWidth="1"/>
    <col min="7699" max="7699" width="5.6640625" style="1" customWidth="1"/>
    <col min="7700" max="7700" width="3.109375" style="1" customWidth="1"/>
    <col min="7701" max="7936" width="9" style="1"/>
    <col min="7937" max="7938" width="8.21875" style="1" customWidth="1"/>
    <col min="7939" max="7940" width="7.109375" style="1" customWidth="1"/>
    <col min="7941" max="7941" width="5.6640625" style="1" customWidth="1"/>
    <col min="7942" max="7942" width="8.109375" style="1" customWidth="1"/>
    <col min="7943" max="7943" width="5" style="1" customWidth="1"/>
    <col min="7944" max="7944" width="3.44140625" style="1" customWidth="1"/>
    <col min="7945" max="7945" width="6.88671875" style="1" customWidth="1"/>
    <col min="7946" max="7946" width="3.88671875" style="1" customWidth="1"/>
    <col min="7947" max="7947" width="3.21875" style="1" customWidth="1"/>
    <col min="7948" max="7948" width="4.77734375" style="1" customWidth="1"/>
    <col min="7949" max="7949" width="1.6640625" style="1" customWidth="1"/>
    <col min="7950" max="7950" width="3.21875" style="1" customWidth="1"/>
    <col min="7951" max="7951" width="1.6640625" style="1" customWidth="1"/>
    <col min="7952" max="7952" width="2.21875" style="1" customWidth="1"/>
    <col min="7953" max="7953" width="5.6640625" style="1" customWidth="1"/>
    <col min="7954" max="7954" width="2.21875" style="1" customWidth="1"/>
    <col min="7955" max="7955" width="5.6640625" style="1" customWidth="1"/>
    <col min="7956" max="7956" width="3.109375" style="1" customWidth="1"/>
    <col min="7957" max="8192" width="9" style="1"/>
    <col min="8193" max="8194" width="8.21875" style="1" customWidth="1"/>
    <col min="8195" max="8196" width="7.109375" style="1" customWidth="1"/>
    <col min="8197" max="8197" width="5.6640625" style="1" customWidth="1"/>
    <col min="8198" max="8198" width="8.109375" style="1" customWidth="1"/>
    <col min="8199" max="8199" width="5" style="1" customWidth="1"/>
    <col min="8200" max="8200" width="3.44140625" style="1" customWidth="1"/>
    <col min="8201" max="8201" width="6.88671875" style="1" customWidth="1"/>
    <col min="8202" max="8202" width="3.88671875" style="1" customWidth="1"/>
    <col min="8203" max="8203" width="3.21875" style="1" customWidth="1"/>
    <col min="8204" max="8204" width="4.77734375" style="1" customWidth="1"/>
    <col min="8205" max="8205" width="1.6640625" style="1" customWidth="1"/>
    <col min="8206" max="8206" width="3.21875" style="1" customWidth="1"/>
    <col min="8207" max="8207" width="1.6640625" style="1" customWidth="1"/>
    <col min="8208" max="8208" width="2.21875" style="1" customWidth="1"/>
    <col min="8209" max="8209" width="5.6640625" style="1" customWidth="1"/>
    <col min="8210" max="8210" width="2.21875" style="1" customWidth="1"/>
    <col min="8211" max="8211" width="5.6640625" style="1" customWidth="1"/>
    <col min="8212" max="8212" width="3.109375" style="1" customWidth="1"/>
    <col min="8213" max="8448" width="9" style="1"/>
    <col min="8449" max="8450" width="8.21875" style="1" customWidth="1"/>
    <col min="8451" max="8452" width="7.109375" style="1" customWidth="1"/>
    <col min="8453" max="8453" width="5.6640625" style="1" customWidth="1"/>
    <col min="8454" max="8454" width="8.109375" style="1" customWidth="1"/>
    <col min="8455" max="8455" width="5" style="1" customWidth="1"/>
    <col min="8456" max="8456" width="3.44140625" style="1" customWidth="1"/>
    <col min="8457" max="8457" width="6.88671875" style="1" customWidth="1"/>
    <col min="8458" max="8458" width="3.88671875" style="1" customWidth="1"/>
    <col min="8459" max="8459" width="3.21875" style="1" customWidth="1"/>
    <col min="8460" max="8460" width="4.77734375" style="1" customWidth="1"/>
    <col min="8461" max="8461" width="1.6640625" style="1" customWidth="1"/>
    <col min="8462" max="8462" width="3.21875" style="1" customWidth="1"/>
    <col min="8463" max="8463" width="1.6640625" style="1" customWidth="1"/>
    <col min="8464" max="8464" width="2.21875" style="1" customWidth="1"/>
    <col min="8465" max="8465" width="5.6640625" style="1" customWidth="1"/>
    <col min="8466" max="8466" width="2.21875" style="1" customWidth="1"/>
    <col min="8467" max="8467" width="5.6640625" style="1" customWidth="1"/>
    <col min="8468" max="8468" width="3.109375" style="1" customWidth="1"/>
    <col min="8469" max="8704" width="9" style="1"/>
    <col min="8705" max="8706" width="8.21875" style="1" customWidth="1"/>
    <col min="8707" max="8708" width="7.109375" style="1" customWidth="1"/>
    <col min="8709" max="8709" width="5.6640625" style="1" customWidth="1"/>
    <col min="8710" max="8710" width="8.109375" style="1" customWidth="1"/>
    <col min="8711" max="8711" width="5" style="1" customWidth="1"/>
    <col min="8712" max="8712" width="3.44140625" style="1" customWidth="1"/>
    <col min="8713" max="8713" width="6.88671875" style="1" customWidth="1"/>
    <col min="8714" max="8714" width="3.88671875" style="1" customWidth="1"/>
    <col min="8715" max="8715" width="3.21875" style="1" customWidth="1"/>
    <col min="8716" max="8716" width="4.77734375" style="1" customWidth="1"/>
    <col min="8717" max="8717" width="1.6640625" style="1" customWidth="1"/>
    <col min="8718" max="8718" width="3.21875" style="1" customWidth="1"/>
    <col min="8719" max="8719" width="1.6640625" style="1" customWidth="1"/>
    <col min="8720" max="8720" width="2.21875" style="1" customWidth="1"/>
    <col min="8721" max="8721" width="5.6640625" style="1" customWidth="1"/>
    <col min="8722" max="8722" width="2.21875" style="1" customWidth="1"/>
    <col min="8723" max="8723" width="5.6640625" style="1" customWidth="1"/>
    <col min="8724" max="8724" width="3.109375" style="1" customWidth="1"/>
    <col min="8725" max="8960" width="9" style="1"/>
    <col min="8961" max="8962" width="8.21875" style="1" customWidth="1"/>
    <col min="8963" max="8964" width="7.109375" style="1" customWidth="1"/>
    <col min="8965" max="8965" width="5.6640625" style="1" customWidth="1"/>
    <col min="8966" max="8966" width="8.109375" style="1" customWidth="1"/>
    <col min="8967" max="8967" width="5" style="1" customWidth="1"/>
    <col min="8968" max="8968" width="3.44140625" style="1" customWidth="1"/>
    <col min="8969" max="8969" width="6.88671875" style="1" customWidth="1"/>
    <col min="8970" max="8970" width="3.88671875" style="1" customWidth="1"/>
    <col min="8971" max="8971" width="3.21875" style="1" customWidth="1"/>
    <col min="8972" max="8972" width="4.77734375" style="1" customWidth="1"/>
    <col min="8973" max="8973" width="1.6640625" style="1" customWidth="1"/>
    <col min="8974" max="8974" width="3.21875" style="1" customWidth="1"/>
    <col min="8975" max="8975" width="1.6640625" style="1" customWidth="1"/>
    <col min="8976" max="8976" width="2.21875" style="1" customWidth="1"/>
    <col min="8977" max="8977" width="5.6640625" style="1" customWidth="1"/>
    <col min="8978" max="8978" width="2.21875" style="1" customWidth="1"/>
    <col min="8979" max="8979" width="5.6640625" style="1" customWidth="1"/>
    <col min="8980" max="8980" width="3.109375" style="1" customWidth="1"/>
    <col min="8981" max="9216" width="9" style="1"/>
    <col min="9217" max="9218" width="8.21875" style="1" customWidth="1"/>
    <col min="9219" max="9220" width="7.109375" style="1" customWidth="1"/>
    <col min="9221" max="9221" width="5.6640625" style="1" customWidth="1"/>
    <col min="9222" max="9222" width="8.109375" style="1" customWidth="1"/>
    <col min="9223" max="9223" width="5" style="1" customWidth="1"/>
    <col min="9224" max="9224" width="3.44140625" style="1" customWidth="1"/>
    <col min="9225" max="9225" width="6.88671875" style="1" customWidth="1"/>
    <col min="9226" max="9226" width="3.88671875" style="1" customWidth="1"/>
    <col min="9227" max="9227" width="3.21875" style="1" customWidth="1"/>
    <col min="9228" max="9228" width="4.77734375" style="1" customWidth="1"/>
    <col min="9229" max="9229" width="1.6640625" style="1" customWidth="1"/>
    <col min="9230" max="9230" width="3.21875" style="1" customWidth="1"/>
    <col min="9231" max="9231" width="1.6640625" style="1" customWidth="1"/>
    <col min="9232" max="9232" width="2.21875" style="1" customWidth="1"/>
    <col min="9233" max="9233" width="5.6640625" style="1" customWidth="1"/>
    <col min="9234" max="9234" width="2.21875" style="1" customWidth="1"/>
    <col min="9235" max="9235" width="5.6640625" style="1" customWidth="1"/>
    <col min="9236" max="9236" width="3.109375" style="1" customWidth="1"/>
    <col min="9237" max="9472" width="9" style="1"/>
    <col min="9473" max="9474" width="8.21875" style="1" customWidth="1"/>
    <col min="9475" max="9476" width="7.109375" style="1" customWidth="1"/>
    <col min="9477" max="9477" width="5.6640625" style="1" customWidth="1"/>
    <col min="9478" max="9478" width="8.109375" style="1" customWidth="1"/>
    <col min="9479" max="9479" width="5" style="1" customWidth="1"/>
    <col min="9480" max="9480" width="3.44140625" style="1" customWidth="1"/>
    <col min="9481" max="9481" width="6.88671875" style="1" customWidth="1"/>
    <col min="9482" max="9482" width="3.88671875" style="1" customWidth="1"/>
    <col min="9483" max="9483" width="3.21875" style="1" customWidth="1"/>
    <col min="9484" max="9484" width="4.77734375" style="1" customWidth="1"/>
    <col min="9485" max="9485" width="1.6640625" style="1" customWidth="1"/>
    <col min="9486" max="9486" width="3.21875" style="1" customWidth="1"/>
    <col min="9487" max="9487" width="1.6640625" style="1" customWidth="1"/>
    <col min="9488" max="9488" width="2.21875" style="1" customWidth="1"/>
    <col min="9489" max="9489" width="5.6640625" style="1" customWidth="1"/>
    <col min="9490" max="9490" width="2.21875" style="1" customWidth="1"/>
    <col min="9491" max="9491" width="5.6640625" style="1" customWidth="1"/>
    <col min="9492" max="9492" width="3.109375" style="1" customWidth="1"/>
    <col min="9493" max="9728" width="9" style="1"/>
    <col min="9729" max="9730" width="8.21875" style="1" customWidth="1"/>
    <col min="9731" max="9732" width="7.109375" style="1" customWidth="1"/>
    <col min="9733" max="9733" width="5.6640625" style="1" customWidth="1"/>
    <col min="9734" max="9734" width="8.109375" style="1" customWidth="1"/>
    <col min="9735" max="9735" width="5" style="1" customWidth="1"/>
    <col min="9736" max="9736" width="3.44140625" style="1" customWidth="1"/>
    <col min="9737" max="9737" width="6.88671875" style="1" customWidth="1"/>
    <col min="9738" max="9738" width="3.88671875" style="1" customWidth="1"/>
    <col min="9739" max="9739" width="3.21875" style="1" customWidth="1"/>
    <col min="9740" max="9740" width="4.77734375" style="1" customWidth="1"/>
    <col min="9741" max="9741" width="1.6640625" style="1" customWidth="1"/>
    <col min="9742" max="9742" width="3.21875" style="1" customWidth="1"/>
    <col min="9743" max="9743" width="1.6640625" style="1" customWidth="1"/>
    <col min="9744" max="9744" width="2.21875" style="1" customWidth="1"/>
    <col min="9745" max="9745" width="5.6640625" style="1" customWidth="1"/>
    <col min="9746" max="9746" width="2.21875" style="1" customWidth="1"/>
    <col min="9747" max="9747" width="5.6640625" style="1" customWidth="1"/>
    <col min="9748" max="9748" width="3.109375" style="1" customWidth="1"/>
    <col min="9749" max="9984" width="9" style="1"/>
    <col min="9985" max="9986" width="8.21875" style="1" customWidth="1"/>
    <col min="9987" max="9988" width="7.109375" style="1" customWidth="1"/>
    <col min="9989" max="9989" width="5.6640625" style="1" customWidth="1"/>
    <col min="9990" max="9990" width="8.109375" style="1" customWidth="1"/>
    <col min="9991" max="9991" width="5" style="1" customWidth="1"/>
    <col min="9992" max="9992" width="3.44140625" style="1" customWidth="1"/>
    <col min="9993" max="9993" width="6.88671875" style="1" customWidth="1"/>
    <col min="9994" max="9994" width="3.88671875" style="1" customWidth="1"/>
    <col min="9995" max="9995" width="3.21875" style="1" customWidth="1"/>
    <col min="9996" max="9996" width="4.77734375" style="1" customWidth="1"/>
    <col min="9997" max="9997" width="1.6640625" style="1" customWidth="1"/>
    <col min="9998" max="9998" width="3.21875" style="1" customWidth="1"/>
    <col min="9999" max="9999" width="1.6640625" style="1" customWidth="1"/>
    <col min="10000" max="10000" width="2.21875" style="1" customWidth="1"/>
    <col min="10001" max="10001" width="5.6640625" style="1" customWidth="1"/>
    <col min="10002" max="10002" width="2.21875" style="1" customWidth="1"/>
    <col min="10003" max="10003" width="5.6640625" style="1" customWidth="1"/>
    <col min="10004" max="10004" width="3.109375" style="1" customWidth="1"/>
    <col min="10005" max="10240" width="9" style="1"/>
    <col min="10241" max="10242" width="8.21875" style="1" customWidth="1"/>
    <col min="10243" max="10244" width="7.109375" style="1" customWidth="1"/>
    <col min="10245" max="10245" width="5.6640625" style="1" customWidth="1"/>
    <col min="10246" max="10246" width="8.109375" style="1" customWidth="1"/>
    <col min="10247" max="10247" width="5" style="1" customWidth="1"/>
    <col min="10248" max="10248" width="3.44140625" style="1" customWidth="1"/>
    <col min="10249" max="10249" width="6.88671875" style="1" customWidth="1"/>
    <col min="10250" max="10250" width="3.88671875" style="1" customWidth="1"/>
    <col min="10251" max="10251" width="3.21875" style="1" customWidth="1"/>
    <col min="10252" max="10252" width="4.77734375" style="1" customWidth="1"/>
    <col min="10253" max="10253" width="1.6640625" style="1" customWidth="1"/>
    <col min="10254" max="10254" width="3.21875" style="1" customWidth="1"/>
    <col min="10255" max="10255" width="1.6640625" style="1" customWidth="1"/>
    <col min="10256" max="10256" width="2.21875" style="1" customWidth="1"/>
    <col min="10257" max="10257" width="5.6640625" style="1" customWidth="1"/>
    <col min="10258" max="10258" width="2.21875" style="1" customWidth="1"/>
    <col min="10259" max="10259" width="5.6640625" style="1" customWidth="1"/>
    <col min="10260" max="10260" width="3.109375" style="1" customWidth="1"/>
    <col min="10261" max="10496" width="9" style="1"/>
    <col min="10497" max="10498" width="8.21875" style="1" customWidth="1"/>
    <col min="10499" max="10500" width="7.109375" style="1" customWidth="1"/>
    <col min="10501" max="10501" width="5.6640625" style="1" customWidth="1"/>
    <col min="10502" max="10502" width="8.109375" style="1" customWidth="1"/>
    <col min="10503" max="10503" width="5" style="1" customWidth="1"/>
    <col min="10504" max="10504" width="3.44140625" style="1" customWidth="1"/>
    <col min="10505" max="10505" width="6.88671875" style="1" customWidth="1"/>
    <col min="10506" max="10506" width="3.88671875" style="1" customWidth="1"/>
    <col min="10507" max="10507" width="3.21875" style="1" customWidth="1"/>
    <col min="10508" max="10508" width="4.77734375" style="1" customWidth="1"/>
    <col min="10509" max="10509" width="1.6640625" style="1" customWidth="1"/>
    <col min="10510" max="10510" width="3.21875" style="1" customWidth="1"/>
    <col min="10511" max="10511" width="1.6640625" style="1" customWidth="1"/>
    <col min="10512" max="10512" width="2.21875" style="1" customWidth="1"/>
    <col min="10513" max="10513" width="5.6640625" style="1" customWidth="1"/>
    <col min="10514" max="10514" width="2.21875" style="1" customWidth="1"/>
    <col min="10515" max="10515" width="5.6640625" style="1" customWidth="1"/>
    <col min="10516" max="10516" width="3.109375" style="1" customWidth="1"/>
    <col min="10517" max="10752" width="9" style="1"/>
    <col min="10753" max="10754" width="8.21875" style="1" customWidth="1"/>
    <col min="10755" max="10756" width="7.109375" style="1" customWidth="1"/>
    <col min="10757" max="10757" width="5.6640625" style="1" customWidth="1"/>
    <col min="10758" max="10758" width="8.109375" style="1" customWidth="1"/>
    <col min="10759" max="10759" width="5" style="1" customWidth="1"/>
    <col min="10760" max="10760" width="3.44140625" style="1" customWidth="1"/>
    <col min="10761" max="10761" width="6.88671875" style="1" customWidth="1"/>
    <col min="10762" max="10762" width="3.88671875" style="1" customWidth="1"/>
    <col min="10763" max="10763" width="3.21875" style="1" customWidth="1"/>
    <col min="10764" max="10764" width="4.77734375" style="1" customWidth="1"/>
    <col min="10765" max="10765" width="1.6640625" style="1" customWidth="1"/>
    <col min="10766" max="10766" width="3.21875" style="1" customWidth="1"/>
    <col min="10767" max="10767" width="1.6640625" style="1" customWidth="1"/>
    <col min="10768" max="10768" width="2.21875" style="1" customWidth="1"/>
    <col min="10769" max="10769" width="5.6640625" style="1" customWidth="1"/>
    <col min="10770" max="10770" width="2.21875" style="1" customWidth="1"/>
    <col min="10771" max="10771" width="5.6640625" style="1" customWidth="1"/>
    <col min="10772" max="10772" width="3.109375" style="1" customWidth="1"/>
    <col min="10773" max="11008" width="9" style="1"/>
    <col min="11009" max="11010" width="8.21875" style="1" customWidth="1"/>
    <col min="11011" max="11012" width="7.109375" style="1" customWidth="1"/>
    <col min="11013" max="11013" width="5.6640625" style="1" customWidth="1"/>
    <col min="11014" max="11014" width="8.109375" style="1" customWidth="1"/>
    <col min="11015" max="11015" width="5" style="1" customWidth="1"/>
    <col min="11016" max="11016" width="3.44140625" style="1" customWidth="1"/>
    <col min="11017" max="11017" width="6.88671875" style="1" customWidth="1"/>
    <col min="11018" max="11018" width="3.88671875" style="1" customWidth="1"/>
    <col min="11019" max="11019" width="3.21875" style="1" customWidth="1"/>
    <col min="11020" max="11020" width="4.77734375" style="1" customWidth="1"/>
    <col min="11021" max="11021" width="1.6640625" style="1" customWidth="1"/>
    <col min="11022" max="11022" width="3.21875" style="1" customWidth="1"/>
    <col min="11023" max="11023" width="1.6640625" style="1" customWidth="1"/>
    <col min="11024" max="11024" width="2.21875" style="1" customWidth="1"/>
    <col min="11025" max="11025" width="5.6640625" style="1" customWidth="1"/>
    <col min="11026" max="11026" width="2.21875" style="1" customWidth="1"/>
    <col min="11027" max="11027" width="5.6640625" style="1" customWidth="1"/>
    <col min="11028" max="11028" width="3.109375" style="1" customWidth="1"/>
    <col min="11029" max="11264" width="9" style="1"/>
    <col min="11265" max="11266" width="8.21875" style="1" customWidth="1"/>
    <col min="11267" max="11268" width="7.109375" style="1" customWidth="1"/>
    <col min="11269" max="11269" width="5.6640625" style="1" customWidth="1"/>
    <col min="11270" max="11270" width="8.109375" style="1" customWidth="1"/>
    <col min="11271" max="11271" width="5" style="1" customWidth="1"/>
    <col min="11272" max="11272" width="3.44140625" style="1" customWidth="1"/>
    <col min="11273" max="11273" width="6.88671875" style="1" customWidth="1"/>
    <col min="11274" max="11274" width="3.88671875" style="1" customWidth="1"/>
    <col min="11275" max="11275" width="3.21875" style="1" customWidth="1"/>
    <col min="11276" max="11276" width="4.77734375" style="1" customWidth="1"/>
    <col min="11277" max="11277" width="1.6640625" style="1" customWidth="1"/>
    <col min="11278" max="11278" width="3.21875" style="1" customWidth="1"/>
    <col min="11279" max="11279" width="1.6640625" style="1" customWidth="1"/>
    <col min="11280" max="11280" width="2.21875" style="1" customWidth="1"/>
    <col min="11281" max="11281" width="5.6640625" style="1" customWidth="1"/>
    <col min="11282" max="11282" width="2.21875" style="1" customWidth="1"/>
    <col min="11283" max="11283" width="5.6640625" style="1" customWidth="1"/>
    <col min="11284" max="11284" width="3.109375" style="1" customWidth="1"/>
    <col min="11285" max="11520" width="9" style="1"/>
    <col min="11521" max="11522" width="8.21875" style="1" customWidth="1"/>
    <col min="11523" max="11524" width="7.109375" style="1" customWidth="1"/>
    <col min="11525" max="11525" width="5.6640625" style="1" customWidth="1"/>
    <col min="11526" max="11526" width="8.109375" style="1" customWidth="1"/>
    <col min="11527" max="11527" width="5" style="1" customWidth="1"/>
    <col min="11528" max="11528" width="3.44140625" style="1" customWidth="1"/>
    <col min="11529" max="11529" width="6.88671875" style="1" customWidth="1"/>
    <col min="11530" max="11530" width="3.88671875" style="1" customWidth="1"/>
    <col min="11531" max="11531" width="3.21875" style="1" customWidth="1"/>
    <col min="11532" max="11532" width="4.77734375" style="1" customWidth="1"/>
    <col min="11533" max="11533" width="1.6640625" style="1" customWidth="1"/>
    <col min="11534" max="11534" width="3.21875" style="1" customWidth="1"/>
    <col min="11535" max="11535" width="1.6640625" style="1" customWidth="1"/>
    <col min="11536" max="11536" width="2.21875" style="1" customWidth="1"/>
    <col min="11537" max="11537" width="5.6640625" style="1" customWidth="1"/>
    <col min="11538" max="11538" width="2.21875" style="1" customWidth="1"/>
    <col min="11539" max="11539" width="5.6640625" style="1" customWidth="1"/>
    <col min="11540" max="11540" width="3.109375" style="1" customWidth="1"/>
    <col min="11541" max="11776" width="9" style="1"/>
    <col min="11777" max="11778" width="8.21875" style="1" customWidth="1"/>
    <col min="11779" max="11780" width="7.109375" style="1" customWidth="1"/>
    <col min="11781" max="11781" width="5.6640625" style="1" customWidth="1"/>
    <col min="11782" max="11782" width="8.109375" style="1" customWidth="1"/>
    <col min="11783" max="11783" width="5" style="1" customWidth="1"/>
    <col min="11784" max="11784" width="3.44140625" style="1" customWidth="1"/>
    <col min="11785" max="11785" width="6.88671875" style="1" customWidth="1"/>
    <col min="11786" max="11786" width="3.88671875" style="1" customWidth="1"/>
    <col min="11787" max="11787" width="3.21875" style="1" customWidth="1"/>
    <col min="11788" max="11788" width="4.77734375" style="1" customWidth="1"/>
    <col min="11789" max="11789" width="1.6640625" style="1" customWidth="1"/>
    <col min="11790" max="11790" width="3.21875" style="1" customWidth="1"/>
    <col min="11791" max="11791" width="1.6640625" style="1" customWidth="1"/>
    <col min="11792" max="11792" width="2.21875" style="1" customWidth="1"/>
    <col min="11793" max="11793" width="5.6640625" style="1" customWidth="1"/>
    <col min="11794" max="11794" width="2.21875" style="1" customWidth="1"/>
    <col min="11795" max="11795" width="5.6640625" style="1" customWidth="1"/>
    <col min="11796" max="11796" width="3.109375" style="1" customWidth="1"/>
    <col min="11797" max="12032" width="9" style="1"/>
    <col min="12033" max="12034" width="8.21875" style="1" customWidth="1"/>
    <col min="12035" max="12036" width="7.109375" style="1" customWidth="1"/>
    <col min="12037" max="12037" width="5.6640625" style="1" customWidth="1"/>
    <col min="12038" max="12038" width="8.109375" style="1" customWidth="1"/>
    <col min="12039" max="12039" width="5" style="1" customWidth="1"/>
    <col min="12040" max="12040" width="3.44140625" style="1" customWidth="1"/>
    <col min="12041" max="12041" width="6.88671875" style="1" customWidth="1"/>
    <col min="12042" max="12042" width="3.88671875" style="1" customWidth="1"/>
    <col min="12043" max="12043" width="3.21875" style="1" customWidth="1"/>
    <col min="12044" max="12044" width="4.77734375" style="1" customWidth="1"/>
    <col min="12045" max="12045" width="1.6640625" style="1" customWidth="1"/>
    <col min="12046" max="12046" width="3.21875" style="1" customWidth="1"/>
    <col min="12047" max="12047" width="1.6640625" style="1" customWidth="1"/>
    <col min="12048" max="12048" width="2.21875" style="1" customWidth="1"/>
    <col min="12049" max="12049" width="5.6640625" style="1" customWidth="1"/>
    <col min="12050" max="12050" width="2.21875" style="1" customWidth="1"/>
    <col min="12051" max="12051" width="5.6640625" style="1" customWidth="1"/>
    <col min="12052" max="12052" width="3.109375" style="1" customWidth="1"/>
    <col min="12053" max="12288" width="9" style="1"/>
    <col min="12289" max="12290" width="8.21875" style="1" customWidth="1"/>
    <col min="12291" max="12292" width="7.109375" style="1" customWidth="1"/>
    <col min="12293" max="12293" width="5.6640625" style="1" customWidth="1"/>
    <col min="12294" max="12294" width="8.109375" style="1" customWidth="1"/>
    <col min="12295" max="12295" width="5" style="1" customWidth="1"/>
    <col min="12296" max="12296" width="3.44140625" style="1" customWidth="1"/>
    <col min="12297" max="12297" width="6.88671875" style="1" customWidth="1"/>
    <col min="12298" max="12298" width="3.88671875" style="1" customWidth="1"/>
    <col min="12299" max="12299" width="3.21875" style="1" customWidth="1"/>
    <col min="12300" max="12300" width="4.77734375" style="1" customWidth="1"/>
    <col min="12301" max="12301" width="1.6640625" style="1" customWidth="1"/>
    <col min="12302" max="12302" width="3.21875" style="1" customWidth="1"/>
    <col min="12303" max="12303" width="1.6640625" style="1" customWidth="1"/>
    <col min="12304" max="12304" width="2.21875" style="1" customWidth="1"/>
    <col min="12305" max="12305" width="5.6640625" style="1" customWidth="1"/>
    <col min="12306" max="12306" width="2.21875" style="1" customWidth="1"/>
    <col min="12307" max="12307" width="5.6640625" style="1" customWidth="1"/>
    <col min="12308" max="12308" width="3.109375" style="1" customWidth="1"/>
    <col min="12309" max="12544" width="9" style="1"/>
    <col min="12545" max="12546" width="8.21875" style="1" customWidth="1"/>
    <col min="12547" max="12548" width="7.109375" style="1" customWidth="1"/>
    <col min="12549" max="12549" width="5.6640625" style="1" customWidth="1"/>
    <col min="12550" max="12550" width="8.109375" style="1" customWidth="1"/>
    <col min="12551" max="12551" width="5" style="1" customWidth="1"/>
    <col min="12552" max="12552" width="3.44140625" style="1" customWidth="1"/>
    <col min="12553" max="12553" width="6.88671875" style="1" customWidth="1"/>
    <col min="12554" max="12554" width="3.88671875" style="1" customWidth="1"/>
    <col min="12555" max="12555" width="3.21875" style="1" customWidth="1"/>
    <col min="12556" max="12556" width="4.77734375" style="1" customWidth="1"/>
    <col min="12557" max="12557" width="1.6640625" style="1" customWidth="1"/>
    <col min="12558" max="12558" width="3.21875" style="1" customWidth="1"/>
    <col min="12559" max="12559" width="1.6640625" style="1" customWidth="1"/>
    <col min="12560" max="12560" width="2.21875" style="1" customWidth="1"/>
    <col min="12561" max="12561" width="5.6640625" style="1" customWidth="1"/>
    <col min="12562" max="12562" width="2.21875" style="1" customWidth="1"/>
    <col min="12563" max="12563" width="5.6640625" style="1" customWidth="1"/>
    <col min="12564" max="12564" width="3.109375" style="1" customWidth="1"/>
    <col min="12565" max="12800" width="9" style="1"/>
    <col min="12801" max="12802" width="8.21875" style="1" customWidth="1"/>
    <col min="12803" max="12804" width="7.109375" style="1" customWidth="1"/>
    <col min="12805" max="12805" width="5.6640625" style="1" customWidth="1"/>
    <col min="12806" max="12806" width="8.109375" style="1" customWidth="1"/>
    <col min="12807" max="12807" width="5" style="1" customWidth="1"/>
    <col min="12808" max="12808" width="3.44140625" style="1" customWidth="1"/>
    <col min="12809" max="12809" width="6.88671875" style="1" customWidth="1"/>
    <col min="12810" max="12810" width="3.88671875" style="1" customWidth="1"/>
    <col min="12811" max="12811" width="3.21875" style="1" customWidth="1"/>
    <col min="12812" max="12812" width="4.77734375" style="1" customWidth="1"/>
    <col min="12813" max="12813" width="1.6640625" style="1" customWidth="1"/>
    <col min="12814" max="12814" width="3.21875" style="1" customWidth="1"/>
    <col min="12815" max="12815" width="1.6640625" style="1" customWidth="1"/>
    <col min="12816" max="12816" width="2.21875" style="1" customWidth="1"/>
    <col min="12817" max="12817" width="5.6640625" style="1" customWidth="1"/>
    <col min="12818" max="12818" width="2.21875" style="1" customWidth="1"/>
    <col min="12819" max="12819" width="5.6640625" style="1" customWidth="1"/>
    <col min="12820" max="12820" width="3.109375" style="1" customWidth="1"/>
    <col min="12821" max="13056" width="9" style="1"/>
    <col min="13057" max="13058" width="8.21875" style="1" customWidth="1"/>
    <col min="13059" max="13060" width="7.109375" style="1" customWidth="1"/>
    <col min="13061" max="13061" width="5.6640625" style="1" customWidth="1"/>
    <col min="13062" max="13062" width="8.109375" style="1" customWidth="1"/>
    <col min="13063" max="13063" width="5" style="1" customWidth="1"/>
    <col min="13064" max="13064" width="3.44140625" style="1" customWidth="1"/>
    <col min="13065" max="13065" width="6.88671875" style="1" customWidth="1"/>
    <col min="13066" max="13066" width="3.88671875" style="1" customWidth="1"/>
    <col min="13067" max="13067" width="3.21875" style="1" customWidth="1"/>
    <col min="13068" max="13068" width="4.77734375" style="1" customWidth="1"/>
    <col min="13069" max="13069" width="1.6640625" style="1" customWidth="1"/>
    <col min="13070" max="13070" width="3.21875" style="1" customWidth="1"/>
    <col min="13071" max="13071" width="1.6640625" style="1" customWidth="1"/>
    <col min="13072" max="13072" width="2.21875" style="1" customWidth="1"/>
    <col min="13073" max="13073" width="5.6640625" style="1" customWidth="1"/>
    <col min="13074" max="13074" width="2.21875" style="1" customWidth="1"/>
    <col min="13075" max="13075" width="5.6640625" style="1" customWidth="1"/>
    <col min="13076" max="13076" width="3.109375" style="1" customWidth="1"/>
    <col min="13077" max="13312" width="9" style="1"/>
    <col min="13313" max="13314" width="8.21875" style="1" customWidth="1"/>
    <col min="13315" max="13316" width="7.109375" style="1" customWidth="1"/>
    <col min="13317" max="13317" width="5.6640625" style="1" customWidth="1"/>
    <col min="13318" max="13318" width="8.109375" style="1" customWidth="1"/>
    <col min="13319" max="13319" width="5" style="1" customWidth="1"/>
    <col min="13320" max="13320" width="3.44140625" style="1" customWidth="1"/>
    <col min="13321" max="13321" width="6.88671875" style="1" customWidth="1"/>
    <col min="13322" max="13322" width="3.88671875" style="1" customWidth="1"/>
    <col min="13323" max="13323" width="3.21875" style="1" customWidth="1"/>
    <col min="13324" max="13324" width="4.77734375" style="1" customWidth="1"/>
    <col min="13325" max="13325" width="1.6640625" style="1" customWidth="1"/>
    <col min="13326" max="13326" width="3.21875" style="1" customWidth="1"/>
    <col min="13327" max="13327" width="1.6640625" style="1" customWidth="1"/>
    <col min="13328" max="13328" width="2.21875" style="1" customWidth="1"/>
    <col min="13329" max="13329" width="5.6640625" style="1" customWidth="1"/>
    <col min="13330" max="13330" width="2.21875" style="1" customWidth="1"/>
    <col min="13331" max="13331" width="5.6640625" style="1" customWidth="1"/>
    <col min="13332" max="13332" width="3.109375" style="1" customWidth="1"/>
    <col min="13333" max="13568" width="9" style="1"/>
    <col min="13569" max="13570" width="8.21875" style="1" customWidth="1"/>
    <col min="13571" max="13572" width="7.109375" style="1" customWidth="1"/>
    <col min="13573" max="13573" width="5.6640625" style="1" customWidth="1"/>
    <col min="13574" max="13574" width="8.109375" style="1" customWidth="1"/>
    <col min="13575" max="13575" width="5" style="1" customWidth="1"/>
    <col min="13576" max="13576" width="3.44140625" style="1" customWidth="1"/>
    <col min="13577" max="13577" width="6.88671875" style="1" customWidth="1"/>
    <col min="13578" max="13578" width="3.88671875" style="1" customWidth="1"/>
    <col min="13579" max="13579" width="3.21875" style="1" customWidth="1"/>
    <col min="13580" max="13580" width="4.77734375" style="1" customWidth="1"/>
    <col min="13581" max="13581" width="1.6640625" style="1" customWidth="1"/>
    <col min="13582" max="13582" width="3.21875" style="1" customWidth="1"/>
    <col min="13583" max="13583" width="1.6640625" style="1" customWidth="1"/>
    <col min="13584" max="13584" width="2.21875" style="1" customWidth="1"/>
    <col min="13585" max="13585" width="5.6640625" style="1" customWidth="1"/>
    <col min="13586" max="13586" width="2.21875" style="1" customWidth="1"/>
    <col min="13587" max="13587" width="5.6640625" style="1" customWidth="1"/>
    <col min="13588" max="13588" width="3.109375" style="1" customWidth="1"/>
    <col min="13589" max="13824" width="9" style="1"/>
    <col min="13825" max="13826" width="8.21875" style="1" customWidth="1"/>
    <col min="13827" max="13828" width="7.109375" style="1" customWidth="1"/>
    <col min="13829" max="13829" width="5.6640625" style="1" customWidth="1"/>
    <col min="13830" max="13830" width="8.109375" style="1" customWidth="1"/>
    <col min="13831" max="13831" width="5" style="1" customWidth="1"/>
    <col min="13832" max="13832" width="3.44140625" style="1" customWidth="1"/>
    <col min="13833" max="13833" width="6.88671875" style="1" customWidth="1"/>
    <col min="13834" max="13834" width="3.88671875" style="1" customWidth="1"/>
    <col min="13835" max="13835" width="3.21875" style="1" customWidth="1"/>
    <col min="13836" max="13836" width="4.77734375" style="1" customWidth="1"/>
    <col min="13837" max="13837" width="1.6640625" style="1" customWidth="1"/>
    <col min="13838" max="13838" width="3.21875" style="1" customWidth="1"/>
    <col min="13839" max="13839" width="1.6640625" style="1" customWidth="1"/>
    <col min="13840" max="13840" width="2.21875" style="1" customWidth="1"/>
    <col min="13841" max="13841" width="5.6640625" style="1" customWidth="1"/>
    <col min="13842" max="13842" width="2.21875" style="1" customWidth="1"/>
    <col min="13843" max="13843" width="5.6640625" style="1" customWidth="1"/>
    <col min="13844" max="13844" width="3.109375" style="1" customWidth="1"/>
    <col min="13845" max="14080" width="9" style="1"/>
    <col min="14081" max="14082" width="8.21875" style="1" customWidth="1"/>
    <col min="14083" max="14084" width="7.109375" style="1" customWidth="1"/>
    <col min="14085" max="14085" width="5.6640625" style="1" customWidth="1"/>
    <col min="14086" max="14086" width="8.109375" style="1" customWidth="1"/>
    <col min="14087" max="14087" width="5" style="1" customWidth="1"/>
    <col min="14088" max="14088" width="3.44140625" style="1" customWidth="1"/>
    <col min="14089" max="14089" width="6.88671875" style="1" customWidth="1"/>
    <col min="14090" max="14090" width="3.88671875" style="1" customWidth="1"/>
    <col min="14091" max="14091" width="3.21875" style="1" customWidth="1"/>
    <col min="14092" max="14092" width="4.77734375" style="1" customWidth="1"/>
    <col min="14093" max="14093" width="1.6640625" style="1" customWidth="1"/>
    <col min="14094" max="14094" width="3.21875" style="1" customWidth="1"/>
    <col min="14095" max="14095" width="1.6640625" style="1" customWidth="1"/>
    <col min="14096" max="14096" width="2.21875" style="1" customWidth="1"/>
    <col min="14097" max="14097" width="5.6640625" style="1" customWidth="1"/>
    <col min="14098" max="14098" width="2.21875" style="1" customWidth="1"/>
    <col min="14099" max="14099" width="5.6640625" style="1" customWidth="1"/>
    <col min="14100" max="14100" width="3.109375" style="1" customWidth="1"/>
    <col min="14101" max="14336" width="9" style="1"/>
    <col min="14337" max="14338" width="8.21875" style="1" customWidth="1"/>
    <col min="14339" max="14340" width="7.109375" style="1" customWidth="1"/>
    <col min="14341" max="14341" width="5.6640625" style="1" customWidth="1"/>
    <col min="14342" max="14342" width="8.109375" style="1" customWidth="1"/>
    <col min="14343" max="14343" width="5" style="1" customWidth="1"/>
    <col min="14344" max="14344" width="3.44140625" style="1" customWidth="1"/>
    <col min="14345" max="14345" width="6.88671875" style="1" customWidth="1"/>
    <col min="14346" max="14346" width="3.88671875" style="1" customWidth="1"/>
    <col min="14347" max="14347" width="3.21875" style="1" customWidth="1"/>
    <col min="14348" max="14348" width="4.77734375" style="1" customWidth="1"/>
    <col min="14349" max="14349" width="1.6640625" style="1" customWidth="1"/>
    <col min="14350" max="14350" width="3.21875" style="1" customWidth="1"/>
    <col min="14351" max="14351" width="1.6640625" style="1" customWidth="1"/>
    <col min="14352" max="14352" width="2.21875" style="1" customWidth="1"/>
    <col min="14353" max="14353" width="5.6640625" style="1" customWidth="1"/>
    <col min="14354" max="14354" width="2.21875" style="1" customWidth="1"/>
    <col min="14355" max="14355" width="5.6640625" style="1" customWidth="1"/>
    <col min="14356" max="14356" width="3.109375" style="1" customWidth="1"/>
    <col min="14357" max="14592" width="9" style="1"/>
    <col min="14593" max="14594" width="8.21875" style="1" customWidth="1"/>
    <col min="14595" max="14596" width="7.109375" style="1" customWidth="1"/>
    <col min="14597" max="14597" width="5.6640625" style="1" customWidth="1"/>
    <col min="14598" max="14598" width="8.109375" style="1" customWidth="1"/>
    <col min="14599" max="14599" width="5" style="1" customWidth="1"/>
    <col min="14600" max="14600" width="3.44140625" style="1" customWidth="1"/>
    <col min="14601" max="14601" width="6.88671875" style="1" customWidth="1"/>
    <col min="14602" max="14602" width="3.88671875" style="1" customWidth="1"/>
    <col min="14603" max="14603" width="3.21875" style="1" customWidth="1"/>
    <col min="14604" max="14604" width="4.77734375" style="1" customWidth="1"/>
    <col min="14605" max="14605" width="1.6640625" style="1" customWidth="1"/>
    <col min="14606" max="14606" width="3.21875" style="1" customWidth="1"/>
    <col min="14607" max="14607" width="1.6640625" style="1" customWidth="1"/>
    <col min="14608" max="14608" width="2.21875" style="1" customWidth="1"/>
    <col min="14609" max="14609" width="5.6640625" style="1" customWidth="1"/>
    <col min="14610" max="14610" width="2.21875" style="1" customWidth="1"/>
    <col min="14611" max="14611" width="5.6640625" style="1" customWidth="1"/>
    <col min="14612" max="14612" width="3.109375" style="1" customWidth="1"/>
    <col min="14613" max="14848" width="9" style="1"/>
    <col min="14849" max="14850" width="8.21875" style="1" customWidth="1"/>
    <col min="14851" max="14852" width="7.109375" style="1" customWidth="1"/>
    <col min="14853" max="14853" width="5.6640625" style="1" customWidth="1"/>
    <col min="14854" max="14854" width="8.109375" style="1" customWidth="1"/>
    <col min="14855" max="14855" width="5" style="1" customWidth="1"/>
    <col min="14856" max="14856" width="3.44140625" style="1" customWidth="1"/>
    <col min="14857" max="14857" width="6.88671875" style="1" customWidth="1"/>
    <col min="14858" max="14858" width="3.88671875" style="1" customWidth="1"/>
    <col min="14859" max="14859" width="3.21875" style="1" customWidth="1"/>
    <col min="14860" max="14860" width="4.77734375" style="1" customWidth="1"/>
    <col min="14861" max="14861" width="1.6640625" style="1" customWidth="1"/>
    <col min="14862" max="14862" width="3.21875" style="1" customWidth="1"/>
    <col min="14863" max="14863" width="1.6640625" style="1" customWidth="1"/>
    <col min="14864" max="14864" width="2.21875" style="1" customWidth="1"/>
    <col min="14865" max="14865" width="5.6640625" style="1" customWidth="1"/>
    <col min="14866" max="14866" width="2.21875" style="1" customWidth="1"/>
    <col min="14867" max="14867" width="5.6640625" style="1" customWidth="1"/>
    <col min="14868" max="14868" width="3.109375" style="1" customWidth="1"/>
    <col min="14869" max="15104" width="9" style="1"/>
    <col min="15105" max="15106" width="8.21875" style="1" customWidth="1"/>
    <col min="15107" max="15108" width="7.109375" style="1" customWidth="1"/>
    <col min="15109" max="15109" width="5.6640625" style="1" customWidth="1"/>
    <col min="15110" max="15110" width="8.109375" style="1" customWidth="1"/>
    <col min="15111" max="15111" width="5" style="1" customWidth="1"/>
    <col min="15112" max="15112" width="3.44140625" style="1" customWidth="1"/>
    <col min="15113" max="15113" width="6.88671875" style="1" customWidth="1"/>
    <col min="15114" max="15114" width="3.88671875" style="1" customWidth="1"/>
    <col min="15115" max="15115" width="3.21875" style="1" customWidth="1"/>
    <col min="15116" max="15116" width="4.77734375" style="1" customWidth="1"/>
    <col min="15117" max="15117" width="1.6640625" style="1" customWidth="1"/>
    <col min="15118" max="15118" width="3.21875" style="1" customWidth="1"/>
    <col min="15119" max="15119" width="1.6640625" style="1" customWidth="1"/>
    <col min="15120" max="15120" width="2.21875" style="1" customWidth="1"/>
    <col min="15121" max="15121" width="5.6640625" style="1" customWidth="1"/>
    <col min="15122" max="15122" width="2.21875" style="1" customWidth="1"/>
    <col min="15123" max="15123" width="5.6640625" style="1" customWidth="1"/>
    <col min="15124" max="15124" width="3.109375" style="1" customWidth="1"/>
    <col min="15125" max="15360" width="9" style="1"/>
    <col min="15361" max="15362" width="8.21875" style="1" customWidth="1"/>
    <col min="15363" max="15364" width="7.109375" style="1" customWidth="1"/>
    <col min="15365" max="15365" width="5.6640625" style="1" customWidth="1"/>
    <col min="15366" max="15366" width="8.109375" style="1" customWidth="1"/>
    <col min="15367" max="15367" width="5" style="1" customWidth="1"/>
    <col min="15368" max="15368" width="3.44140625" style="1" customWidth="1"/>
    <col min="15369" max="15369" width="6.88671875" style="1" customWidth="1"/>
    <col min="15370" max="15370" width="3.88671875" style="1" customWidth="1"/>
    <col min="15371" max="15371" width="3.21875" style="1" customWidth="1"/>
    <col min="15372" max="15372" width="4.77734375" style="1" customWidth="1"/>
    <col min="15373" max="15373" width="1.6640625" style="1" customWidth="1"/>
    <col min="15374" max="15374" width="3.21875" style="1" customWidth="1"/>
    <col min="15375" max="15375" width="1.6640625" style="1" customWidth="1"/>
    <col min="15376" max="15376" width="2.21875" style="1" customWidth="1"/>
    <col min="15377" max="15377" width="5.6640625" style="1" customWidth="1"/>
    <col min="15378" max="15378" width="2.21875" style="1" customWidth="1"/>
    <col min="15379" max="15379" width="5.6640625" style="1" customWidth="1"/>
    <col min="15380" max="15380" width="3.109375" style="1" customWidth="1"/>
    <col min="15381" max="15616" width="9" style="1"/>
    <col min="15617" max="15618" width="8.21875" style="1" customWidth="1"/>
    <col min="15619" max="15620" width="7.109375" style="1" customWidth="1"/>
    <col min="15621" max="15621" width="5.6640625" style="1" customWidth="1"/>
    <col min="15622" max="15622" width="8.109375" style="1" customWidth="1"/>
    <col min="15623" max="15623" width="5" style="1" customWidth="1"/>
    <col min="15624" max="15624" width="3.44140625" style="1" customWidth="1"/>
    <col min="15625" max="15625" width="6.88671875" style="1" customWidth="1"/>
    <col min="15626" max="15626" width="3.88671875" style="1" customWidth="1"/>
    <col min="15627" max="15627" width="3.21875" style="1" customWidth="1"/>
    <col min="15628" max="15628" width="4.77734375" style="1" customWidth="1"/>
    <col min="15629" max="15629" width="1.6640625" style="1" customWidth="1"/>
    <col min="15630" max="15630" width="3.21875" style="1" customWidth="1"/>
    <col min="15631" max="15631" width="1.6640625" style="1" customWidth="1"/>
    <col min="15632" max="15632" width="2.21875" style="1" customWidth="1"/>
    <col min="15633" max="15633" width="5.6640625" style="1" customWidth="1"/>
    <col min="15634" max="15634" width="2.21875" style="1" customWidth="1"/>
    <col min="15635" max="15635" width="5.6640625" style="1" customWidth="1"/>
    <col min="15636" max="15636" width="3.109375" style="1" customWidth="1"/>
    <col min="15637" max="15872" width="9" style="1"/>
    <col min="15873" max="15874" width="8.21875" style="1" customWidth="1"/>
    <col min="15875" max="15876" width="7.109375" style="1" customWidth="1"/>
    <col min="15877" max="15877" width="5.6640625" style="1" customWidth="1"/>
    <col min="15878" max="15878" width="8.109375" style="1" customWidth="1"/>
    <col min="15879" max="15879" width="5" style="1" customWidth="1"/>
    <col min="15880" max="15880" width="3.44140625" style="1" customWidth="1"/>
    <col min="15881" max="15881" width="6.88671875" style="1" customWidth="1"/>
    <col min="15882" max="15882" width="3.88671875" style="1" customWidth="1"/>
    <col min="15883" max="15883" width="3.21875" style="1" customWidth="1"/>
    <col min="15884" max="15884" width="4.77734375" style="1" customWidth="1"/>
    <col min="15885" max="15885" width="1.6640625" style="1" customWidth="1"/>
    <col min="15886" max="15886" width="3.21875" style="1" customWidth="1"/>
    <col min="15887" max="15887" width="1.6640625" style="1" customWidth="1"/>
    <col min="15888" max="15888" width="2.21875" style="1" customWidth="1"/>
    <col min="15889" max="15889" width="5.6640625" style="1" customWidth="1"/>
    <col min="15890" max="15890" width="2.21875" style="1" customWidth="1"/>
    <col min="15891" max="15891" width="5.6640625" style="1" customWidth="1"/>
    <col min="15892" max="15892" width="3.109375" style="1" customWidth="1"/>
    <col min="15893" max="16128" width="9" style="1"/>
    <col min="16129" max="16130" width="8.21875" style="1" customWidth="1"/>
    <col min="16131" max="16132" width="7.109375" style="1" customWidth="1"/>
    <col min="16133" max="16133" width="5.6640625" style="1" customWidth="1"/>
    <col min="16134" max="16134" width="8.109375" style="1" customWidth="1"/>
    <col min="16135" max="16135" width="5" style="1" customWidth="1"/>
    <col min="16136" max="16136" width="3.44140625" style="1" customWidth="1"/>
    <col min="16137" max="16137" width="6.88671875" style="1" customWidth="1"/>
    <col min="16138" max="16138" width="3.88671875" style="1" customWidth="1"/>
    <col min="16139" max="16139" width="3.21875" style="1" customWidth="1"/>
    <col min="16140" max="16140" width="4.77734375" style="1" customWidth="1"/>
    <col min="16141" max="16141" width="1.6640625" style="1" customWidth="1"/>
    <col min="16142" max="16142" width="3.21875" style="1" customWidth="1"/>
    <col min="16143" max="16143" width="1.6640625" style="1" customWidth="1"/>
    <col min="16144" max="16144" width="2.21875" style="1" customWidth="1"/>
    <col min="16145" max="16145" width="5.6640625" style="1" customWidth="1"/>
    <col min="16146" max="16146" width="2.21875" style="1" customWidth="1"/>
    <col min="16147" max="16147" width="5.6640625" style="1" customWidth="1"/>
    <col min="16148" max="16148" width="3.109375" style="1" customWidth="1"/>
    <col min="16149" max="16384" width="9" style="1"/>
  </cols>
  <sheetData>
    <row r="1" spans="1:20" ht="6" customHeight="1" x14ac:dyDescent="0.2"/>
    <row r="2" spans="1:20" ht="18.75" customHeight="1" x14ac:dyDescent="0.2">
      <c r="B2" s="2" t="s">
        <v>0</v>
      </c>
      <c r="T2" s="3"/>
    </row>
    <row r="3" spans="1:20" ht="9" customHeight="1" x14ac:dyDescent="0.2"/>
    <row r="4" spans="1:20" ht="21" customHeight="1" thickBot="1" x14ac:dyDescent="0.25">
      <c r="A4" s="1" t="s">
        <v>1</v>
      </c>
      <c r="G4" s="255" t="s">
        <v>2</v>
      </c>
      <c r="H4" s="255"/>
      <c r="I4" s="255"/>
      <c r="J4" s="255"/>
      <c r="K4" s="255"/>
      <c r="L4" s="255"/>
      <c r="M4" s="255"/>
      <c r="N4" s="255"/>
      <c r="O4" s="255"/>
      <c r="P4" s="255"/>
      <c r="Q4" s="255"/>
      <c r="R4" s="255"/>
      <c r="S4" s="255"/>
    </row>
    <row r="5" spans="1:20" ht="18" customHeight="1" thickTop="1" x14ac:dyDescent="0.2">
      <c r="A5" s="256" t="s">
        <v>3</v>
      </c>
      <c r="B5" s="257"/>
      <c r="C5" s="241" t="s">
        <v>4</v>
      </c>
      <c r="D5" s="242"/>
      <c r="E5" s="243"/>
      <c r="F5" s="243"/>
      <c r="G5" s="243"/>
      <c r="H5" s="243"/>
      <c r="I5" s="243"/>
      <c r="J5" s="243"/>
      <c r="K5" s="243"/>
      <c r="L5" s="246" t="s">
        <v>5</v>
      </c>
      <c r="M5" s="248" t="s">
        <v>69</v>
      </c>
      <c r="N5" s="248"/>
      <c r="O5" s="248"/>
      <c r="P5" s="250" t="s">
        <v>6</v>
      </c>
      <c r="Q5" s="250"/>
      <c r="R5" s="250"/>
      <c r="S5" s="250"/>
      <c r="T5" s="251"/>
    </row>
    <row r="6" spans="1:20" ht="18" customHeight="1" x14ac:dyDescent="0.2">
      <c r="A6" s="258"/>
      <c r="B6" s="259"/>
      <c r="C6" s="208"/>
      <c r="D6" s="244"/>
      <c r="E6" s="245"/>
      <c r="F6" s="245"/>
      <c r="G6" s="245"/>
      <c r="H6" s="245"/>
      <c r="I6" s="245"/>
      <c r="J6" s="245"/>
      <c r="K6" s="245"/>
      <c r="L6" s="247"/>
      <c r="M6" s="249"/>
      <c r="N6" s="249"/>
      <c r="O6" s="249"/>
      <c r="P6" s="252"/>
      <c r="Q6" s="252"/>
      <c r="R6" s="252"/>
      <c r="S6" s="252"/>
      <c r="T6" s="253"/>
    </row>
    <row r="7" spans="1:20" ht="18" customHeight="1" x14ac:dyDescent="0.2">
      <c r="A7" s="258"/>
      <c r="B7" s="259"/>
      <c r="C7" s="207" t="s">
        <v>7</v>
      </c>
      <c r="D7" s="263" t="s">
        <v>8</v>
      </c>
      <c r="E7" s="265"/>
      <c r="F7" s="265"/>
      <c r="G7" s="265"/>
      <c r="H7" s="265"/>
      <c r="I7" s="265"/>
      <c r="J7" s="265"/>
      <c r="K7" s="265"/>
      <c r="L7" s="265"/>
      <c r="M7" s="265"/>
      <c r="N7" s="266"/>
      <c r="O7" s="141" t="s">
        <v>9</v>
      </c>
      <c r="P7" s="224"/>
      <c r="Q7" s="227"/>
      <c r="R7" s="228"/>
      <c r="S7" s="228"/>
      <c r="T7" s="229"/>
    </row>
    <row r="8" spans="1:20" ht="18" customHeight="1" thickBot="1" x14ac:dyDescent="0.25">
      <c r="A8" s="260"/>
      <c r="B8" s="261"/>
      <c r="C8" s="262"/>
      <c r="D8" s="264"/>
      <c r="E8" s="267"/>
      <c r="F8" s="267"/>
      <c r="G8" s="267"/>
      <c r="H8" s="267"/>
      <c r="I8" s="267"/>
      <c r="J8" s="267"/>
      <c r="K8" s="267"/>
      <c r="L8" s="267"/>
      <c r="M8" s="267"/>
      <c r="N8" s="268"/>
      <c r="O8" s="225"/>
      <c r="P8" s="226"/>
      <c r="Q8" s="230"/>
      <c r="R8" s="231"/>
      <c r="S8" s="231"/>
      <c r="T8" s="232"/>
    </row>
    <row r="9" spans="1:20" s="4" customFormat="1" ht="15.6" thickTop="1" thickBot="1" x14ac:dyDescent="0.25">
      <c r="A9" s="233" t="s">
        <v>10</v>
      </c>
      <c r="B9" s="234"/>
      <c r="C9" s="234"/>
      <c r="D9" s="234"/>
      <c r="E9" s="234"/>
      <c r="F9" s="234"/>
      <c r="G9" s="234"/>
      <c r="H9" s="234"/>
      <c r="I9" s="234"/>
      <c r="J9" s="234"/>
      <c r="K9" s="234"/>
      <c r="L9" s="234"/>
      <c r="M9" s="234"/>
      <c r="N9" s="234"/>
      <c r="O9" s="234"/>
      <c r="P9" s="234"/>
      <c r="Q9" s="234"/>
      <c r="R9" s="234"/>
      <c r="S9" s="234"/>
      <c r="T9" s="234"/>
    </row>
    <row r="10" spans="1:20" ht="18" customHeight="1" thickTop="1" x14ac:dyDescent="0.2">
      <c r="A10" s="235" t="s">
        <v>11</v>
      </c>
      <c r="B10" s="236"/>
      <c r="C10" s="241" t="s">
        <v>4</v>
      </c>
      <c r="D10" s="242"/>
      <c r="E10" s="243"/>
      <c r="F10" s="243"/>
      <c r="G10" s="243"/>
      <c r="H10" s="243"/>
      <c r="I10" s="243"/>
      <c r="J10" s="243"/>
      <c r="K10" s="243"/>
      <c r="L10" s="246" t="s">
        <v>5</v>
      </c>
      <c r="M10" s="248" t="s">
        <v>70</v>
      </c>
      <c r="N10" s="248"/>
      <c r="O10" s="248"/>
      <c r="P10" s="250" t="s">
        <v>6</v>
      </c>
      <c r="Q10" s="250"/>
      <c r="R10" s="250"/>
      <c r="S10" s="250"/>
      <c r="T10" s="251"/>
    </row>
    <row r="11" spans="1:20" ht="18" customHeight="1" x14ac:dyDescent="0.2">
      <c r="A11" s="237"/>
      <c r="B11" s="238"/>
      <c r="C11" s="208"/>
      <c r="D11" s="244"/>
      <c r="E11" s="245"/>
      <c r="F11" s="245"/>
      <c r="G11" s="245"/>
      <c r="H11" s="245"/>
      <c r="I11" s="245"/>
      <c r="J11" s="245"/>
      <c r="K11" s="245"/>
      <c r="L11" s="247"/>
      <c r="M11" s="249"/>
      <c r="N11" s="249"/>
      <c r="O11" s="249"/>
      <c r="P11" s="252"/>
      <c r="Q11" s="252"/>
      <c r="R11" s="252"/>
      <c r="S11" s="252"/>
      <c r="T11" s="253"/>
    </row>
    <row r="12" spans="1:20" ht="20.100000000000001" customHeight="1" x14ac:dyDescent="0.2">
      <c r="A12" s="237"/>
      <c r="B12" s="238"/>
      <c r="C12" s="207" t="s">
        <v>7</v>
      </c>
      <c r="D12" s="23" t="s">
        <v>8</v>
      </c>
      <c r="E12" s="24"/>
      <c r="F12" s="24"/>
      <c r="G12" s="24"/>
      <c r="H12" s="24"/>
      <c r="I12" s="24"/>
      <c r="J12" s="24"/>
      <c r="K12" s="24"/>
      <c r="L12" s="24"/>
      <c r="M12" s="24"/>
      <c r="N12" s="24"/>
      <c r="O12" s="24"/>
      <c r="P12" s="24"/>
      <c r="Q12" s="24"/>
      <c r="R12" s="24"/>
      <c r="S12" s="24"/>
      <c r="T12" s="25"/>
    </row>
    <row r="13" spans="1:20" ht="20.100000000000001" customHeight="1" x14ac:dyDescent="0.2">
      <c r="A13" s="237"/>
      <c r="B13" s="238"/>
      <c r="C13" s="208"/>
      <c r="D13" s="26"/>
      <c r="E13" s="27"/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8"/>
    </row>
    <row r="14" spans="1:20" ht="20.100000000000001" customHeight="1" x14ac:dyDescent="0.2">
      <c r="A14" s="237"/>
      <c r="B14" s="238"/>
      <c r="C14" s="207" t="s">
        <v>57</v>
      </c>
      <c r="D14" s="209" t="s">
        <v>59</v>
      </c>
      <c r="E14" s="210"/>
      <c r="F14" s="210"/>
      <c r="G14" s="210"/>
      <c r="H14" s="210"/>
      <c r="I14" s="210"/>
      <c r="J14" s="210"/>
      <c r="K14" s="210"/>
      <c r="L14" s="210"/>
      <c r="M14" s="210"/>
      <c r="N14" s="210"/>
      <c r="O14" s="210"/>
      <c r="P14" s="210"/>
      <c r="Q14" s="210"/>
      <c r="R14" s="210"/>
      <c r="S14" s="210"/>
      <c r="T14" s="211"/>
    </row>
    <row r="15" spans="1:20" ht="20.100000000000001" customHeight="1" x14ac:dyDescent="0.2">
      <c r="A15" s="239"/>
      <c r="B15" s="240"/>
      <c r="C15" s="208"/>
      <c r="D15" s="212"/>
      <c r="E15" s="213"/>
      <c r="F15" s="213"/>
      <c r="G15" s="213"/>
      <c r="H15" s="213"/>
      <c r="I15" s="213"/>
      <c r="J15" s="213"/>
      <c r="K15" s="213"/>
      <c r="L15" s="213"/>
      <c r="M15" s="213"/>
      <c r="N15" s="213"/>
      <c r="O15" s="213"/>
      <c r="P15" s="213"/>
      <c r="Q15" s="213"/>
      <c r="R15" s="213"/>
      <c r="S15" s="213"/>
      <c r="T15" s="214"/>
    </row>
    <row r="16" spans="1:20" ht="18" customHeight="1" x14ac:dyDescent="0.2">
      <c r="A16" s="215" t="s">
        <v>12</v>
      </c>
      <c r="B16" s="216"/>
      <c r="C16" s="43" t="s">
        <v>13</v>
      </c>
      <c r="D16" s="44"/>
      <c r="E16" s="44" t="s">
        <v>74</v>
      </c>
      <c r="F16" s="44"/>
      <c r="G16" s="44"/>
      <c r="H16" s="45" t="s">
        <v>73</v>
      </c>
      <c r="I16" s="41"/>
      <c r="J16" s="42" t="s">
        <v>14</v>
      </c>
      <c r="K16" s="254"/>
      <c r="L16" s="254"/>
      <c r="M16" s="254"/>
      <c r="N16" s="254"/>
      <c r="O16" s="254"/>
      <c r="P16" s="254"/>
      <c r="Q16" s="41" t="s">
        <v>15</v>
      </c>
      <c r="R16" s="41"/>
      <c r="S16" s="41"/>
      <c r="T16" s="46"/>
    </row>
    <row r="17" spans="1:20" ht="18" customHeight="1" x14ac:dyDescent="0.2">
      <c r="A17" s="217"/>
      <c r="B17" s="174"/>
      <c r="C17" s="5" t="s">
        <v>72</v>
      </c>
      <c r="D17" s="6"/>
      <c r="E17" s="6"/>
      <c r="F17" s="6"/>
      <c r="G17" s="6"/>
      <c r="H17" s="7"/>
      <c r="I17" s="6"/>
      <c r="J17" s="7"/>
      <c r="K17" s="220" t="s">
        <v>75</v>
      </c>
      <c r="L17" s="220"/>
      <c r="M17" s="220"/>
      <c r="N17" s="220"/>
      <c r="O17" s="220"/>
      <c r="P17" s="220"/>
      <c r="Q17" s="6"/>
      <c r="R17" s="6"/>
      <c r="S17" s="6"/>
      <c r="T17" s="8"/>
    </row>
    <row r="18" spans="1:20" ht="43.5" customHeight="1" thickBot="1" x14ac:dyDescent="0.25">
      <c r="A18" s="218"/>
      <c r="B18" s="219"/>
      <c r="C18" s="221" t="s">
        <v>60</v>
      </c>
      <c r="D18" s="222"/>
      <c r="E18" s="222"/>
      <c r="F18" s="222"/>
      <c r="G18" s="222"/>
      <c r="H18" s="222"/>
      <c r="I18" s="222"/>
      <c r="J18" s="222"/>
      <c r="K18" s="222"/>
      <c r="L18" s="222"/>
      <c r="M18" s="222"/>
      <c r="N18" s="222"/>
      <c r="O18" s="222"/>
      <c r="P18" s="222"/>
      <c r="Q18" s="222"/>
      <c r="R18" s="222"/>
      <c r="S18" s="222"/>
      <c r="T18" s="223"/>
    </row>
    <row r="19" spans="1:20" s="4" customFormat="1" ht="15.6" thickTop="1" thickBot="1" x14ac:dyDescent="0.25">
      <c r="A19" s="170" t="s">
        <v>58</v>
      </c>
      <c r="B19" s="170"/>
      <c r="C19" s="170"/>
      <c r="D19" s="170"/>
      <c r="E19" s="170"/>
      <c r="F19" s="170"/>
      <c r="G19" s="170"/>
      <c r="H19" s="170"/>
      <c r="I19" s="170"/>
      <c r="J19" s="170"/>
      <c r="K19" s="170"/>
      <c r="L19" s="170"/>
      <c r="M19" s="170"/>
      <c r="N19" s="170"/>
      <c r="O19" s="170"/>
      <c r="P19" s="170"/>
      <c r="Q19" s="170"/>
      <c r="R19" s="170"/>
      <c r="S19" s="170"/>
      <c r="T19" s="170"/>
    </row>
    <row r="20" spans="1:20" ht="16.8" customHeight="1" x14ac:dyDescent="0.2">
      <c r="A20" s="171" t="s">
        <v>61</v>
      </c>
      <c r="B20" s="172"/>
      <c r="C20" s="35" t="s">
        <v>62</v>
      </c>
      <c r="D20" s="177" t="s">
        <v>16</v>
      </c>
      <c r="E20" s="178"/>
      <c r="F20" s="178"/>
      <c r="G20" s="178"/>
      <c r="H20" s="178"/>
      <c r="I20" s="178"/>
      <c r="J20" s="178"/>
      <c r="K20" s="179"/>
      <c r="L20" s="177" t="s">
        <v>17</v>
      </c>
      <c r="M20" s="178"/>
      <c r="N20" s="178"/>
      <c r="O20" s="178"/>
      <c r="P20" s="178"/>
      <c r="Q20" s="179"/>
      <c r="R20" s="180" t="s">
        <v>18</v>
      </c>
      <c r="S20" s="181"/>
      <c r="T20" s="182"/>
    </row>
    <row r="21" spans="1:20" ht="16.8" customHeight="1" x14ac:dyDescent="0.2">
      <c r="A21" s="173"/>
      <c r="B21" s="174"/>
      <c r="C21" s="105"/>
      <c r="D21" s="93" t="s">
        <v>67</v>
      </c>
      <c r="E21" s="94"/>
      <c r="F21" s="94"/>
      <c r="G21" s="94"/>
      <c r="H21" s="94"/>
      <c r="I21" s="94"/>
      <c r="J21" s="94"/>
      <c r="K21" s="183"/>
      <c r="L21" s="185" t="s">
        <v>79</v>
      </c>
      <c r="M21" s="186"/>
      <c r="N21" s="186"/>
      <c r="O21" s="186"/>
      <c r="P21" s="186"/>
      <c r="Q21" s="187"/>
      <c r="R21" s="80" t="s">
        <v>19</v>
      </c>
      <c r="S21" s="81"/>
      <c r="T21" s="82"/>
    </row>
    <row r="22" spans="1:20" ht="16.8" customHeight="1" x14ac:dyDescent="0.2">
      <c r="A22" s="173"/>
      <c r="B22" s="174"/>
      <c r="C22" s="105"/>
      <c r="D22" s="97"/>
      <c r="E22" s="98"/>
      <c r="F22" s="98"/>
      <c r="G22" s="98"/>
      <c r="H22" s="98"/>
      <c r="I22" s="98"/>
      <c r="J22" s="98"/>
      <c r="K22" s="184"/>
      <c r="L22" s="190" t="s">
        <v>20</v>
      </c>
      <c r="M22" s="191"/>
      <c r="N22" s="191"/>
      <c r="O22" s="192"/>
      <c r="P22" s="192"/>
      <c r="Q22" s="9" t="s">
        <v>21</v>
      </c>
      <c r="R22" s="188"/>
      <c r="S22" s="189"/>
      <c r="T22" s="10" t="s">
        <v>22</v>
      </c>
    </row>
    <row r="23" spans="1:20" s="11" customFormat="1" ht="21.6" customHeight="1" x14ac:dyDescent="0.2">
      <c r="A23" s="173"/>
      <c r="B23" s="174"/>
      <c r="C23" s="105"/>
      <c r="D23" s="193" t="s">
        <v>71</v>
      </c>
      <c r="E23" s="194"/>
      <c r="F23" s="194"/>
      <c r="G23" s="194"/>
      <c r="H23" s="194"/>
      <c r="I23" s="194"/>
      <c r="J23" s="194"/>
      <c r="K23" s="195"/>
      <c r="L23" s="198" t="s">
        <v>56</v>
      </c>
      <c r="M23" s="199"/>
      <c r="N23" s="199"/>
      <c r="O23" s="199"/>
      <c r="P23" s="199"/>
      <c r="Q23" s="200"/>
      <c r="R23" s="201" t="s">
        <v>23</v>
      </c>
      <c r="S23" s="202"/>
      <c r="T23" s="203"/>
    </row>
    <row r="24" spans="1:20" s="11" customFormat="1" ht="23.25" customHeight="1" x14ac:dyDescent="0.2">
      <c r="A24" s="173"/>
      <c r="B24" s="174"/>
      <c r="C24" s="105"/>
      <c r="D24" s="193"/>
      <c r="E24" s="194"/>
      <c r="F24" s="194"/>
      <c r="G24" s="194"/>
      <c r="H24" s="194"/>
      <c r="I24" s="194"/>
      <c r="J24" s="194"/>
      <c r="K24" s="195"/>
      <c r="L24" s="198" t="s">
        <v>24</v>
      </c>
      <c r="M24" s="199"/>
      <c r="N24" s="199"/>
      <c r="O24" s="204"/>
      <c r="P24" s="204"/>
      <c r="Q24" s="12" t="s">
        <v>21</v>
      </c>
      <c r="R24" s="158" t="s">
        <v>22</v>
      </c>
      <c r="S24" s="159"/>
      <c r="T24" s="160"/>
    </row>
    <row r="25" spans="1:20" s="11" customFormat="1" ht="18.600000000000001" customHeight="1" x14ac:dyDescent="0.2">
      <c r="A25" s="173"/>
      <c r="B25" s="174"/>
      <c r="C25" s="105"/>
      <c r="D25" s="196"/>
      <c r="E25" s="197"/>
      <c r="F25" s="197"/>
      <c r="G25" s="194"/>
      <c r="H25" s="194"/>
      <c r="I25" s="194"/>
      <c r="J25" s="194"/>
      <c r="K25" s="195"/>
      <c r="L25" s="161"/>
      <c r="M25" s="162"/>
      <c r="N25" s="162"/>
      <c r="O25" s="163"/>
      <c r="P25" s="163"/>
      <c r="Q25" s="13"/>
      <c r="R25" s="164" t="s">
        <v>25</v>
      </c>
      <c r="S25" s="165"/>
      <c r="T25" s="166"/>
    </row>
    <row r="26" spans="1:20" ht="16.5" customHeight="1" x14ac:dyDescent="0.2">
      <c r="A26" s="173"/>
      <c r="B26" s="174"/>
      <c r="C26" s="141" t="s">
        <v>26</v>
      </c>
      <c r="D26" s="142"/>
      <c r="E26" s="134" t="s">
        <v>27</v>
      </c>
      <c r="F26" s="134"/>
      <c r="G26" s="167" t="s">
        <v>28</v>
      </c>
      <c r="H26" s="168"/>
      <c r="I26" s="168"/>
      <c r="J26" s="168"/>
      <c r="K26" s="168"/>
      <c r="L26" s="168"/>
      <c r="M26" s="169"/>
      <c r="N26" s="135" t="s">
        <v>29</v>
      </c>
      <c r="O26" s="136"/>
      <c r="P26" s="136"/>
      <c r="Q26" s="136"/>
      <c r="R26" s="136"/>
      <c r="S26" s="136"/>
      <c r="T26" s="138"/>
    </row>
    <row r="27" spans="1:20" ht="19.5" customHeight="1" x14ac:dyDescent="0.2">
      <c r="A27" s="173"/>
      <c r="B27" s="174"/>
      <c r="C27" s="143"/>
      <c r="D27" s="144"/>
      <c r="E27" s="134" t="s">
        <v>30</v>
      </c>
      <c r="F27" s="134"/>
      <c r="G27" s="135" t="s">
        <v>31</v>
      </c>
      <c r="H27" s="136"/>
      <c r="I27" s="136"/>
      <c r="J27" s="136"/>
      <c r="K27" s="136"/>
      <c r="L27" s="136"/>
      <c r="M27" s="137"/>
      <c r="N27" s="135"/>
      <c r="O27" s="136"/>
      <c r="P27" s="136"/>
      <c r="Q27" s="136"/>
      <c r="R27" s="136"/>
      <c r="S27" s="136"/>
      <c r="T27" s="138"/>
    </row>
    <row r="28" spans="1:20" ht="19.5" customHeight="1" x14ac:dyDescent="0.2">
      <c r="A28" s="173"/>
      <c r="B28" s="174"/>
      <c r="C28" s="143"/>
      <c r="D28" s="144"/>
      <c r="E28" s="134" t="s">
        <v>30</v>
      </c>
      <c r="F28" s="134"/>
      <c r="G28" s="135" t="s">
        <v>31</v>
      </c>
      <c r="H28" s="136"/>
      <c r="I28" s="136"/>
      <c r="J28" s="136"/>
      <c r="K28" s="136"/>
      <c r="L28" s="136"/>
      <c r="M28" s="137"/>
      <c r="N28" s="205"/>
      <c r="O28" s="205"/>
      <c r="P28" s="205"/>
      <c r="Q28" s="205"/>
      <c r="R28" s="205"/>
      <c r="S28" s="205"/>
      <c r="T28" s="206"/>
    </row>
    <row r="29" spans="1:20" ht="19.5" customHeight="1" x14ac:dyDescent="0.2">
      <c r="A29" s="173"/>
      <c r="B29" s="174"/>
      <c r="C29" s="143"/>
      <c r="D29" s="144"/>
      <c r="E29" s="134" t="s">
        <v>30</v>
      </c>
      <c r="F29" s="134"/>
      <c r="G29" s="135" t="s">
        <v>31</v>
      </c>
      <c r="H29" s="136"/>
      <c r="I29" s="136"/>
      <c r="J29" s="136"/>
      <c r="K29" s="136"/>
      <c r="L29" s="136"/>
      <c r="M29" s="137"/>
      <c r="N29" s="135"/>
      <c r="O29" s="136"/>
      <c r="P29" s="136"/>
      <c r="Q29" s="136"/>
      <c r="R29" s="136"/>
      <c r="S29" s="136"/>
      <c r="T29" s="138"/>
    </row>
    <row r="30" spans="1:20" ht="7.8" customHeight="1" x14ac:dyDescent="0.2">
      <c r="A30" s="173"/>
      <c r="B30" s="174"/>
      <c r="C30" s="90"/>
      <c r="D30" s="106" t="s">
        <v>63</v>
      </c>
      <c r="E30" s="107"/>
      <c r="F30" s="107"/>
      <c r="G30" s="154" t="s">
        <v>32</v>
      </c>
      <c r="H30" s="154"/>
      <c r="I30" s="154"/>
      <c r="J30" s="154"/>
      <c r="K30" s="154"/>
      <c r="L30" s="154"/>
      <c r="M30" s="154"/>
      <c r="N30" s="154"/>
      <c r="O30" s="154"/>
      <c r="P30" s="154"/>
      <c r="Q30" s="155"/>
      <c r="R30" s="145" t="s">
        <v>19</v>
      </c>
      <c r="S30" s="146"/>
      <c r="T30" s="147"/>
    </row>
    <row r="31" spans="1:20" ht="13.8" customHeight="1" x14ac:dyDescent="0.2">
      <c r="A31" s="173"/>
      <c r="B31" s="174"/>
      <c r="C31" s="91"/>
      <c r="D31" s="139"/>
      <c r="E31" s="140"/>
      <c r="F31" s="140"/>
      <c r="G31" s="156"/>
      <c r="H31" s="156"/>
      <c r="I31" s="156"/>
      <c r="J31" s="156"/>
      <c r="K31" s="156"/>
      <c r="L31" s="156"/>
      <c r="M31" s="156"/>
      <c r="N31" s="156"/>
      <c r="O31" s="156"/>
      <c r="P31" s="156"/>
      <c r="Q31" s="157"/>
      <c r="R31" s="148"/>
      <c r="S31" s="149"/>
      <c r="T31" s="150"/>
    </row>
    <row r="32" spans="1:20" ht="18.75" customHeight="1" x14ac:dyDescent="0.2">
      <c r="A32" s="173"/>
      <c r="B32" s="174"/>
      <c r="C32" s="91"/>
      <c r="D32" s="151" t="s">
        <v>80</v>
      </c>
      <c r="E32" s="152"/>
      <c r="F32" s="152"/>
      <c r="G32" s="152"/>
      <c r="H32" s="152"/>
      <c r="I32" s="152"/>
      <c r="J32" s="152"/>
      <c r="K32" s="152"/>
      <c r="L32" s="152"/>
      <c r="M32" s="152"/>
      <c r="N32" s="152"/>
      <c r="O32" s="152"/>
      <c r="P32" s="152"/>
      <c r="Q32" s="153"/>
      <c r="R32" s="148"/>
      <c r="S32" s="149"/>
      <c r="T32" s="150"/>
    </row>
    <row r="33" spans="1:20" ht="18.75" customHeight="1" x14ac:dyDescent="0.2">
      <c r="A33" s="173"/>
      <c r="B33" s="174"/>
      <c r="C33" s="92"/>
      <c r="D33" s="36" t="s">
        <v>76</v>
      </c>
      <c r="E33" s="37"/>
      <c r="F33" s="37"/>
      <c r="G33" s="38"/>
      <c r="H33" s="38"/>
      <c r="I33" s="38"/>
      <c r="J33" s="38"/>
      <c r="K33" s="38"/>
      <c r="L33" s="38"/>
      <c r="M33" s="39"/>
      <c r="N33" s="39"/>
      <c r="O33" s="39"/>
      <c r="P33" s="39"/>
      <c r="Q33" s="40"/>
      <c r="R33" s="32"/>
      <c r="S33" s="33"/>
      <c r="T33" s="34" t="s">
        <v>22</v>
      </c>
    </row>
    <row r="34" spans="1:20" ht="12" customHeight="1" x14ac:dyDescent="0.2">
      <c r="A34" s="173"/>
      <c r="B34" s="174"/>
      <c r="C34" s="105"/>
      <c r="D34" s="93" t="s">
        <v>64</v>
      </c>
      <c r="E34" s="94"/>
      <c r="F34" s="94"/>
      <c r="G34" s="94"/>
      <c r="H34" s="114" t="s">
        <v>68</v>
      </c>
      <c r="I34" s="115"/>
      <c r="J34" s="120" t="s">
        <v>33</v>
      </c>
      <c r="K34" s="121"/>
      <c r="L34" s="121"/>
      <c r="M34" s="121"/>
      <c r="N34" s="121"/>
      <c r="O34" s="121"/>
      <c r="P34" s="121"/>
      <c r="Q34" s="122"/>
      <c r="R34" s="123" t="s">
        <v>34</v>
      </c>
      <c r="S34" s="124"/>
      <c r="T34" s="125"/>
    </row>
    <row r="35" spans="1:20" ht="10.5" customHeight="1" x14ac:dyDescent="0.2">
      <c r="A35" s="173"/>
      <c r="B35" s="174"/>
      <c r="C35" s="105"/>
      <c r="D35" s="95"/>
      <c r="E35" s="96"/>
      <c r="F35" s="96"/>
      <c r="G35" s="96"/>
      <c r="H35" s="116"/>
      <c r="I35" s="117"/>
      <c r="J35" s="126" t="s">
        <v>35</v>
      </c>
      <c r="K35" s="14"/>
      <c r="L35" s="14"/>
      <c r="M35" s="14"/>
      <c r="N35" s="14"/>
      <c r="O35" s="14"/>
      <c r="P35" s="14"/>
      <c r="Q35" s="15"/>
      <c r="R35" s="128"/>
      <c r="S35" s="129"/>
      <c r="T35" s="132" t="s">
        <v>22</v>
      </c>
    </row>
    <row r="36" spans="1:20" ht="10.5" customHeight="1" x14ac:dyDescent="0.2">
      <c r="A36" s="173"/>
      <c r="B36" s="174"/>
      <c r="C36" s="105"/>
      <c r="D36" s="97"/>
      <c r="E36" s="98"/>
      <c r="F36" s="98"/>
      <c r="G36" s="98"/>
      <c r="H36" s="118"/>
      <c r="I36" s="119"/>
      <c r="J36" s="127"/>
      <c r="K36" s="16"/>
      <c r="L36" s="17"/>
      <c r="M36" s="18"/>
      <c r="N36" s="19"/>
      <c r="O36" s="16"/>
      <c r="P36" s="16"/>
      <c r="Q36" s="20"/>
      <c r="R36" s="130"/>
      <c r="S36" s="131"/>
      <c r="T36" s="133"/>
    </row>
    <row r="37" spans="1:20" ht="18" customHeight="1" x14ac:dyDescent="0.15">
      <c r="A37" s="173"/>
      <c r="B37" s="174"/>
      <c r="C37" s="90"/>
      <c r="D37" s="93" t="s">
        <v>65</v>
      </c>
      <c r="E37" s="94"/>
      <c r="F37" s="94"/>
      <c r="G37" s="99" t="s">
        <v>36</v>
      </c>
      <c r="H37" s="99"/>
      <c r="I37" s="99"/>
      <c r="J37" s="99"/>
      <c r="K37" s="99"/>
      <c r="L37" s="99"/>
      <c r="M37" s="99"/>
      <c r="N37" s="99"/>
      <c r="O37" s="99"/>
      <c r="P37" s="99"/>
      <c r="Q37" s="100"/>
      <c r="R37" s="80" t="s">
        <v>19</v>
      </c>
      <c r="S37" s="81"/>
      <c r="T37" s="82"/>
    </row>
    <row r="38" spans="1:20" ht="7.5" customHeight="1" x14ac:dyDescent="0.2">
      <c r="A38" s="173"/>
      <c r="B38" s="174"/>
      <c r="C38" s="91"/>
      <c r="D38" s="95"/>
      <c r="E38" s="96"/>
      <c r="F38" s="96"/>
      <c r="G38" s="101"/>
      <c r="H38" s="101"/>
      <c r="I38" s="101"/>
      <c r="J38" s="101"/>
      <c r="K38" s="101"/>
      <c r="L38" s="101"/>
      <c r="M38" s="101"/>
      <c r="N38" s="101"/>
      <c r="O38" s="101"/>
      <c r="P38" s="101"/>
      <c r="Q38" s="102"/>
      <c r="R38" s="29"/>
      <c r="S38" s="30"/>
      <c r="T38" s="31"/>
    </row>
    <row r="39" spans="1:20" ht="15" customHeight="1" x14ac:dyDescent="0.2">
      <c r="A39" s="173"/>
      <c r="B39" s="174"/>
      <c r="C39" s="92"/>
      <c r="D39" s="97"/>
      <c r="E39" s="98"/>
      <c r="F39" s="98"/>
      <c r="G39" s="103" t="s">
        <v>37</v>
      </c>
      <c r="H39" s="103"/>
      <c r="I39" s="103"/>
      <c r="J39" s="103"/>
      <c r="K39" s="103"/>
      <c r="L39" s="103"/>
      <c r="M39" s="103"/>
      <c r="N39" s="103"/>
      <c r="O39" s="103"/>
      <c r="P39" s="103"/>
      <c r="Q39" s="104"/>
      <c r="R39" s="83"/>
      <c r="S39" s="84"/>
      <c r="T39" s="34" t="s">
        <v>22</v>
      </c>
    </row>
    <row r="40" spans="1:20" ht="15" customHeight="1" x14ac:dyDescent="0.2">
      <c r="A40" s="173"/>
      <c r="B40" s="174"/>
      <c r="C40" s="105"/>
      <c r="D40" s="106" t="s">
        <v>66</v>
      </c>
      <c r="E40" s="107"/>
      <c r="F40" s="107"/>
      <c r="G40" s="110" t="s">
        <v>38</v>
      </c>
      <c r="H40" s="110"/>
      <c r="I40" s="110"/>
      <c r="J40" s="110"/>
      <c r="K40" s="110"/>
      <c r="L40" s="110"/>
      <c r="M40" s="110"/>
      <c r="N40" s="110"/>
      <c r="O40" s="110"/>
      <c r="P40" s="110"/>
      <c r="Q40" s="111"/>
      <c r="R40" s="80" t="s">
        <v>19</v>
      </c>
      <c r="S40" s="81"/>
      <c r="T40" s="82"/>
    </row>
    <row r="41" spans="1:20" ht="15" customHeight="1" x14ac:dyDescent="0.2">
      <c r="A41" s="175"/>
      <c r="B41" s="176"/>
      <c r="C41" s="105"/>
      <c r="D41" s="108"/>
      <c r="E41" s="109"/>
      <c r="F41" s="109"/>
      <c r="G41" s="112"/>
      <c r="H41" s="112"/>
      <c r="I41" s="112"/>
      <c r="J41" s="112"/>
      <c r="K41" s="112"/>
      <c r="L41" s="112"/>
      <c r="M41" s="112"/>
      <c r="N41" s="112"/>
      <c r="O41" s="112"/>
      <c r="P41" s="112"/>
      <c r="Q41" s="113"/>
      <c r="R41" s="83"/>
      <c r="S41" s="84"/>
      <c r="T41" s="34" t="s">
        <v>22</v>
      </c>
    </row>
    <row r="42" spans="1:20" ht="45.6" customHeight="1" thickBot="1" x14ac:dyDescent="0.25">
      <c r="A42" s="85" t="s">
        <v>39</v>
      </c>
      <c r="B42" s="86"/>
      <c r="C42" s="87" t="s">
        <v>40</v>
      </c>
      <c r="D42" s="88"/>
      <c r="E42" s="88"/>
      <c r="F42" s="88"/>
      <c r="G42" s="88"/>
      <c r="H42" s="88"/>
      <c r="I42" s="88"/>
      <c r="J42" s="88"/>
      <c r="K42" s="88"/>
      <c r="L42" s="88"/>
      <c r="M42" s="88"/>
      <c r="N42" s="88"/>
      <c r="O42" s="88"/>
      <c r="P42" s="88"/>
      <c r="Q42" s="88"/>
      <c r="R42" s="88"/>
      <c r="S42" s="88"/>
      <c r="T42" s="89"/>
    </row>
    <row r="43" spans="1:20" ht="6" customHeight="1" x14ac:dyDescent="0.2">
      <c r="A43" s="57"/>
      <c r="B43" s="57"/>
      <c r="C43" s="57"/>
      <c r="D43" s="57"/>
      <c r="E43" s="57"/>
      <c r="F43" s="57"/>
      <c r="G43" s="57"/>
      <c r="H43" s="57"/>
      <c r="I43" s="57"/>
      <c r="J43" s="57"/>
      <c r="K43" s="57"/>
      <c r="L43" s="57"/>
      <c r="M43" s="57"/>
      <c r="N43" s="57"/>
      <c r="O43" s="57"/>
      <c r="P43" s="57"/>
      <c r="Q43" s="57"/>
      <c r="R43" s="57"/>
      <c r="S43" s="57"/>
      <c r="T43" s="57"/>
    </row>
    <row r="44" spans="1:20" ht="16.5" customHeight="1" x14ac:dyDescent="0.2">
      <c r="A44" s="21" t="s">
        <v>41</v>
      </c>
      <c r="K44" s="21"/>
    </row>
    <row r="45" spans="1:20" s="4" customFormat="1" ht="16.5" customHeight="1" x14ac:dyDescent="0.2">
      <c r="A45" s="58" t="s">
        <v>42</v>
      </c>
      <c r="B45" s="59"/>
      <c r="C45" s="59" t="s">
        <v>43</v>
      </c>
      <c r="D45" s="60"/>
      <c r="E45" s="60"/>
      <c r="F45" s="60"/>
      <c r="G45" s="59" t="s">
        <v>44</v>
      </c>
      <c r="H45" s="60"/>
      <c r="I45" s="60"/>
      <c r="J45" s="60"/>
      <c r="K45" s="60"/>
      <c r="L45" s="60"/>
      <c r="M45" s="60"/>
      <c r="N45" s="60"/>
      <c r="O45" s="60"/>
      <c r="P45" s="61"/>
      <c r="Q45" s="58" t="s">
        <v>45</v>
      </c>
      <c r="R45" s="58"/>
      <c r="S45" s="58"/>
      <c r="T45" s="58"/>
    </row>
    <row r="46" spans="1:20" s="4" customFormat="1" ht="16.5" customHeight="1" x14ac:dyDescent="0.2">
      <c r="A46" s="62" t="s">
        <v>46</v>
      </c>
      <c r="B46" s="63"/>
      <c r="C46" s="66" t="s">
        <v>47</v>
      </c>
      <c r="D46" s="67"/>
      <c r="E46" s="67"/>
      <c r="F46" s="67"/>
      <c r="G46" s="68" t="s">
        <v>77</v>
      </c>
      <c r="H46" s="69"/>
      <c r="I46" s="69"/>
      <c r="J46" s="69"/>
      <c r="K46" s="69"/>
      <c r="L46" s="69"/>
      <c r="M46" s="69"/>
      <c r="N46" s="69"/>
      <c r="O46" s="69"/>
      <c r="P46" s="74" t="s">
        <v>78</v>
      </c>
      <c r="Q46" s="77" t="s">
        <v>48</v>
      </c>
      <c r="R46" s="78"/>
      <c r="S46" s="78"/>
      <c r="T46" s="79"/>
    </row>
    <row r="47" spans="1:20" s="4" customFormat="1" ht="16.5" customHeight="1" x14ac:dyDescent="0.2">
      <c r="A47" s="64"/>
      <c r="B47" s="65"/>
      <c r="C47" s="47" t="s">
        <v>49</v>
      </c>
      <c r="D47" s="48"/>
      <c r="E47" s="48"/>
      <c r="F47" s="48"/>
      <c r="G47" s="70"/>
      <c r="H47" s="71"/>
      <c r="I47" s="71"/>
      <c r="J47" s="71"/>
      <c r="K47" s="71"/>
      <c r="L47" s="71"/>
      <c r="M47" s="71"/>
      <c r="N47" s="71"/>
      <c r="O47" s="71"/>
      <c r="P47" s="75"/>
      <c r="Q47" s="49" t="s">
        <v>50</v>
      </c>
      <c r="R47" s="50"/>
      <c r="S47" s="50"/>
      <c r="T47" s="51"/>
    </row>
    <row r="48" spans="1:20" s="4" customFormat="1" ht="16.5" customHeight="1" x14ac:dyDescent="0.2">
      <c r="A48" s="64"/>
      <c r="B48" s="65"/>
      <c r="C48" s="47" t="s">
        <v>51</v>
      </c>
      <c r="D48" s="48"/>
      <c r="E48" s="48"/>
      <c r="F48" s="48"/>
      <c r="G48" s="70"/>
      <c r="H48" s="71"/>
      <c r="I48" s="71"/>
      <c r="J48" s="71"/>
      <c r="K48" s="71"/>
      <c r="L48" s="71"/>
      <c r="M48" s="71"/>
      <c r="N48" s="71"/>
      <c r="O48" s="71"/>
      <c r="P48" s="75"/>
      <c r="Q48" s="49" t="s">
        <v>52</v>
      </c>
      <c r="R48" s="50"/>
      <c r="S48" s="50"/>
      <c r="T48" s="51"/>
    </row>
    <row r="49" spans="1:21" s="4" customFormat="1" ht="16.5" customHeight="1" x14ac:dyDescent="0.2">
      <c r="A49" s="52" t="s">
        <v>53</v>
      </c>
      <c r="B49" s="53"/>
      <c r="C49" s="54" t="s">
        <v>54</v>
      </c>
      <c r="D49" s="55"/>
      <c r="E49" s="55"/>
      <c r="F49" s="55"/>
      <c r="G49" s="72"/>
      <c r="H49" s="73"/>
      <c r="I49" s="73"/>
      <c r="J49" s="73"/>
      <c r="K49" s="73"/>
      <c r="L49" s="73"/>
      <c r="M49" s="73"/>
      <c r="N49" s="73"/>
      <c r="O49" s="73"/>
      <c r="P49" s="76"/>
      <c r="Q49" s="52" t="s">
        <v>55</v>
      </c>
      <c r="R49" s="56"/>
      <c r="S49" s="56"/>
      <c r="T49" s="53"/>
    </row>
    <row r="50" spans="1:21" s="4" customFormat="1" ht="18" customHeight="1" x14ac:dyDescent="0.2">
      <c r="U50" s="1"/>
    </row>
    <row r="51" spans="1:21" ht="18" customHeight="1" x14ac:dyDescent="0.2">
      <c r="U51" s="2"/>
    </row>
    <row r="57" spans="1:21" ht="18.75" customHeight="1" x14ac:dyDescent="0.2">
      <c r="G57" s="22"/>
    </row>
  </sheetData>
  <sheetProtection selectLockedCells="1"/>
  <mergeCells count="109">
    <mergeCell ref="G4:S4"/>
    <mergeCell ref="A5:B8"/>
    <mergeCell ref="C5:C6"/>
    <mergeCell ref="D5:K6"/>
    <mergeCell ref="L5:L6"/>
    <mergeCell ref="M5:O6"/>
    <mergeCell ref="P5:T6"/>
    <mergeCell ref="C7:C8"/>
    <mergeCell ref="D7:D8"/>
    <mergeCell ref="E7:N8"/>
    <mergeCell ref="C12:C13"/>
    <mergeCell ref="C14:C15"/>
    <mergeCell ref="D14:T15"/>
    <mergeCell ref="A16:B18"/>
    <mergeCell ref="K17:P17"/>
    <mergeCell ref="C18:T18"/>
    <mergeCell ref="O7:P8"/>
    <mergeCell ref="Q7:T7"/>
    <mergeCell ref="Q8:T8"/>
    <mergeCell ref="A9:T9"/>
    <mergeCell ref="A10:B15"/>
    <mergeCell ref="C10:C11"/>
    <mergeCell ref="D10:K11"/>
    <mergeCell ref="L10:L11"/>
    <mergeCell ref="M10:O11"/>
    <mergeCell ref="P10:T11"/>
    <mergeCell ref="K16:P16"/>
    <mergeCell ref="A19:T19"/>
    <mergeCell ref="A20:B41"/>
    <mergeCell ref="D20:K20"/>
    <mergeCell ref="L20:Q20"/>
    <mergeCell ref="R20:T20"/>
    <mergeCell ref="C21:C22"/>
    <mergeCell ref="D21:K22"/>
    <mergeCell ref="L21:Q21"/>
    <mergeCell ref="R21:T21"/>
    <mergeCell ref="R22:S22"/>
    <mergeCell ref="L22:N22"/>
    <mergeCell ref="O22:P22"/>
    <mergeCell ref="C23:C25"/>
    <mergeCell ref="D23:K25"/>
    <mergeCell ref="L23:Q23"/>
    <mergeCell ref="R23:T23"/>
    <mergeCell ref="L24:N24"/>
    <mergeCell ref="O24:P24"/>
    <mergeCell ref="I27:M27"/>
    <mergeCell ref="N27:T27"/>
    <mergeCell ref="E28:F28"/>
    <mergeCell ref="G28:H28"/>
    <mergeCell ref="I28:M28"/>
    <mergeCell ref="N28:T28"/>
    <mergeCell ref="R24:T24"/>
    <mergeCell ref="L25:N25"/>
    <mergeCell ref="O25:P25"/>
    <mergeCell ref="R25:T25"/>
    <mergeCell ref="E26:F26"/>
    <mergeCell ref="G26:M26"/>
    <mergeCell ref="N26:T26"/>
    <mergeCell ref="E27:F27"/>
    <mergeCell ref="G27:H27"/>
    <mergeCell ref="C34:C36"/>
    <mergeCell ref="D34:G36"/>
    <mergeCell ref="H34:I36"/>
    <mergeCell ref="J34:Q34"/>
    <mergeCell ref="R34:T34"/>
    <mergeCell ref="J35:J36"/>
    <mergeCell ref="R35:S36"/>
    <mergeCell ref="T35:T36"/>
    <mergeCell ref="E29:F29"/>
    <mergeCell ref="G29:H29"/>
    <mergeCell ref="I29:M29"/>
    <mergeCell ref="N29:T29"/>
    <mergeCell ref="D30:F31"/>
    <mergeCell ref="C26:D29"/>
    <mergeCell ref="C30:C33"/>
    <mergeCell ref="R30:T32"/>
    <mergeCell ref="D32:Q32"/>
    <mergeCell ref="G30:Q31"/>
    <mergeCell ref="R40:T40"/>
    <mergeCell ref="R41:S41"/>
    <mergeCell ref="A42:B42"/>
    <mergeCell ref="C42:T42"/>
    <mergeCell ref="C37:C39"/>
    <mergeCell ref="D37:F39"/>
    <mergeCell ref="G37:Q37"/>
    <mergeCell ref="R37:T37"/>
    <mergeCell ref="G38:Q38"/>
    <mergeCell ref="G39:Q39"/>
    <mergeCell ref="R39:S39"/>
    <mergeCell ref="C40:C41"/>
    <mergeCell ref="D40:F41"/>
    <mergeCell ref="G40:Q41"/>
    <mergeCell ref="C47:F47"/>
    <mergeCell ref="Q47:T47"/>
    <mergeCell ref="C48:F48"/>
    <mergeCell ref="Q48:T48"/>
    <mergeCell ref="A49:B49"/>
    <mergeCell ref="C49:F49"/>
    <mergeCell ref="Q49:T49"/>
    <mergeCell ref="A43:T43"/>
    <mergeCell ref="A45:B45"/>
    <mergeCell ref="C45:F45"/>
    <mergeCell ref="G45:P45"/>
    <mergeCell ref="Q45:T45"/>
    <mergeCell ref="A46:B48"/>
    <mergeCell ref="C46:F46"/>
    <mergeCell ref="G46:O49"/>
    <mergeCell ref="P46:P49"/>
    <mergeCell ref="Q46:T46"/>
  </mergeCells>
  <phoneticPr fontId="6"/>
  <dataValidations count="2">
    <dataValidation type="list" allowBlank="1" showInputMessage="1" showErrorMessage="1" sqref="C30 C34:C41 C21:C25" xr:uid="{DB42831B-49C1-4DF4-8F26-DC0887ABEB7E}">
      <formula1>$U$50:$U$51</formula1>
    </dataValidation>
    <dataValidation type="list" allowBlank="1" showInputMessage="1" showErrorMessage="1" sqref="WLO983072:WLO983081 C65560:C65562 IY65560:IY65562 SU65560:SU65562 ACQ65560:ACQ65562 AMM65560:AMM65562 AWI65560:AWI65562 BGE65560:BGE65562 BQA65560:BQA65562 BZW65560:BZW65562 CJS65560:CJS65562 CTO65560:CTO65562 DDK65560:DDK65562 DNG65560:DNG65562 DXC65560:DXC65562 EGY65560:EGY65562 EQU65560:EQU65562 FAQ65560:FAQ65562 FKM65560:FKM65562 FUI65560:FUI65562 GEE65560:GEE65562 GOA65560:GOA65562 GXW65560:GXW65562 HHS65560:HHS65562 HRO65560:HRO65562 IBK65560:IBK65562 ILG65560:ILG65562 IVC65560:IVC65562 JEY65560:JEY65562 JOU65560:JOU65562 JYQ65560:JYQ65562 KIM65560:KIM65562 KSI65560:KSI65562 LCE65560:LCE65562 LMA65560:LMA65562 LVW65560:LVW65562 MFS65560:MFS65562 MPO65560:MPO65562 MZK65560:MZK65562 NJG65560:NJG65562 NTC65560:NTC65562 OCY65560:OCY65562 OMU65560:OMU65562 OWQ65560:OWQ65562 PGM65560:PGM65562 PQI65560:PQI65562 QAE65560:QAE65562 QKA65560:QKA65562 QTW65560:QTW65562 RDS65560:RDS65562 RNO65560:RNO65562 RXK65560:RXK65562 SHG65560:SHG65562 SRC65560:SRC65562 TAY65560:TAY65562 TKU65560:TKU65562 TUQ65560:TUQ65562 UEM65560:UEM65562 UOI65560:UOI65562 UYE65560:UYE65562 VIA65560:VIA65562 VRW65560:VRW65562 WBS65560:WBS65562 WLO65560:WLO65562 WVK65560:WVK65562 C131096:C131098 IY131096:IY131098 SU131096:SU131098 ACQ131096:ACQ131098 AMM131096:AMM131098 AWI131096:AWI131098 BGE131096:BGE131098 BQA131096:BQA131098 BZW131096:BZW131098 CJS131096:CJS131098 CTO131096:CTO131098 DDK131096:DDK131098 DNG131096:DNG131098 DXC131096:DXC131098 EGY131096:EGY131098 EQU131096:EQU131098 FAQ131096:FAQ131098 FKM131096:FKM131098 FUI131096:FUI131098 GEE131096:GEE131098 GOA131096:GOA131098 GXW131096:GXW131098 HHS131096:HHS131098 HRO131096:HRO131098 IBK131096:IBK131098 ILG131096:ILG131098 IVC131096:IVC131098 JEY131096:JEY131098 JOU131096:JOU131098 JYQ131096:JYQ131098 KIM131096:KIM131098 KSI131096:KSI131098 LCE131096:LCE131098 LMA131096:LMA131098 LVW131096:LVW131098 MFS131096:MFS131098 MPO131096:MPO131098 MZK131096:MZK131098 NJG131096:NJG131098 NTC131096:NTC131098 OCY131096:OCY131098 OMU131096:OMU131098 OWQ131096:OWQ131098 PGM131096:PGM131098 PQI131096:PQI131098 QAE131096:QAE131098 QKA131096:QKA131098 QTW131096:QTW131098 RDS131096:RDS131098 RNO131096:RNO131098 RXK131096:RXK131098 SHG131096:SHG131098 SRC131096:SRC131098 TAY131096:TAY131098 TKU131096:TKU131098 TUQ131096:TUQ131098 UEM131096:UEM131098 UOI131096:UOI131098 UYE131096:UYE131098 VIA131096:VIA131098 VRW131096:VRW131098 WBS131096:WBS131098 WLO131096:WLO131098 WVK131096:WVK131098 C196632:C196634 IY196632:IY196634 SU196632:SU196634 ACQ196632:ACQ196634 AMM196632:AMM196634 AWI196632:AWI196634 BGE196632:BGE196634 BQA196632:BQA196634 BZW196632:BZW196634 CJS196632:CJS196634 CTO196632:CTO196634 DDK196632:DDK196634 DNG196632:DNG196634 DXC196632:DXC196634 EGY196632:EGY196634 EQU196632:EQU196634 FAQ196632:FAQ196634 FKM196632:FKM196634 FUI196632:FUI196634 GEE196632:GEE196634 GOA196632:GOA196634 GXW196632:GXW196634 HHS196632:HHS196634 HRO196632:HRO196634 IBK196632:IBK196634 ILG196632:ILG196634 IVC196632:IVC196634 JEY196632:JEY196634 JOU196632:JOU196634 JYQ196632:JYQ196634 KIM196632:KIM196634 KSI196632:KSI196634 LCE196632:LCE196634 LMA196632:LMA196634 LVW196632:LVW196634 MFS196632:MFS196634 MPO196632:MPO196634 MZK196632:MZK196634 NJG196632:NJG196634 NTC196632:NTC196634 OCY196632:OCY196634 OMU196632:OMU196634 OWQ196632:OWQ196634 PGM196632:PGM196634 PQI196632:PQI196634 QAE196632:QAE196634 QKA196632:QKA196634 QTW196632:QTW196634 RDS196632:RDS196634 RNO196632:RNO196634 RXK196632:RXK196634 SHG196632:SHG196634 SRC196632:SRC196634 TAY196632:TAY196634 TKU196632:TKU196634 TUQ196632:TUQ196634 UEM196632:UEM196634 UOI196632:UOI196634 UYE196632:UYE196634 VIA196632:VIA196634 VRW196632:VRW196634 WBS196632:WBS196634 WLO196632:WLO196634 WVK196632:WVK196634 C262168:C262170 IY262168:IY262170 SU262168:SU262170 ACQ262168:ACQ262170 AMM262168:AMM262170 AWI262168:AWI262170 BGE262168:BGE262170 BQA262168:BQA262170 BZW262168:BZW262170 CJS262168:CJS262170 CTO262168:CTO262170 DDK262168:DDK262170 DNG262168:DNG262170 DXC262168:DXC262170 EGY262168:EGY262170 EQU262168:EQU262170 FAQ262168:FAQ262170 FKM262168:FKM262170 FUI262168:FUI262170 GEE262168:GEE262170 GOA262168:GOA262170 GXW262168:GXW262170 HHS262168:HHS262170 HRO262168:HRO262170 IBK262168:IBK262170 ILG262168:ILG262170 IVC262168:IVC262170 JEY262168:JEY262170 JOU262168:JOU262170 JYQ262168:JYQ262170 KIM262168:KIM262170 KSI262168:KSI262170 LCE262168:LCE262170 LMA262168:LMA262170 LVW262168:LVW262170 MFS262168:MFS262170 MPO262168:MPO262170 MZK262168:MZK262170 NJG262168:NJG262170 NTC262168:NTC262170 OCY262168:OCY262170 OMU262168:OMU262170 OWQ262168:OWQ262170 PGM262168:PGM262170 PQI262168:PQI262170 QAE262168:QAE262170 QKA262168:QKA262170 QTW262168:QTW262170 RDS262168:RDS262170 RNO262168:RNO262170 RXK262168:RXK262170 SHG262168:SHG262170 SRC262168:SRC262170 TAY262168:TAY262170 TKU262168:TKU262170 TUQ262168:TUQ262170 UEM262168:UEM262170 UOI262168:UOI262170 UYE262168:UYE262170 VIA262168:VIA262170 VRW262168:VRW262170 WBS262168:WBS262170 WLO262168:WLO262170 WVK262168:WVK262170 C327704:C327706 IY327704:IY327706 SU327704:SU327706 ACQ327704:ACQ327706 AMM327704:AMM327706 AWI327704:AWI327706 BGE327704:BGE327706 BQA327704:BQA327706 BZW327704:BZW327706 CJS327704:CJS327706 CTO327704:CTO327706 DDK327704:DDK327706 DNG327704:DNG327706 DXC327704:DXC327706 EGY327704:EGY327706 EQU327704:EQU327706 FAQ327704:FAQ327706 FKM327704:FKM327706 FUI327704:FUI327706 GEE327704:GEE327706 GOA327704:GOA327706 GXW327704:GXW327706 HHS327704:HHS327706 HRO327704:HRO327706 IBK327704:IBK327706 ILG327704:ILG327706 IVC327704:IVC327706 JEY327704:JEY327706 JOU327704:JOU327706 JYQ327704:JYQ327706 KIM327704:KIM327706 KSI327704:KSI327706 LCE327704:LCE327706 LMA327704:LMA327706 LVW327704:LVW327706 MFS327704:MFS327706 MPO327704:MPO327706 MZK327704:MZK327706 NJG327704:NJG327706 NTC327704:NTC327706 OCY327704:OCY327706 OMU327704:OMU327706 OWQ327704:OWQ327706 PGM327704:PGM327706 PQI327704:PQI327706 QAE327704:QAE327706 QKA327704:QKA327706 QTW327704:QTW327706 RDS327704:RDS327706 RNO327704:RNO327706 RXK327704:RXK327706 SHG327704:SHG327706 SRC327704:SRC327706 TAY327704:TAY327706 TKU327704:TKU327706 TUQ327704:TUQ327706 UEM327704:UEM327706 UOI327704:UOI327706 UYE327704:UYE327706 VIA327704:VIA327706 VRW327704:VRW327706 WBS327704:WBS327706 WLO327704:WLO327706 WVK327704:WVK327706 C393240:C393242 IY393240:IY393242 SU393240:SU393242 ACQ393240:ACQ393242 AMM393240:AMM393242 AWI393240:AWI393242 BGE393240:BGE393242 BQA393240:BQA393242 BZW393240:BZW393242 CJS393240:CJS393242 CTO393240:CTO393242 DDK393240:DDK393242 DNG393240:DNG393242 DXC393240:DXC393242 EGY393240:EGY393242 EQU393240:EQU393242 FAQ393240:FAQ393242 FKM393240:FKM393242 FUI393240:FUI393242 GEE393240:GEE393242 GOA393240:GOA393242 GXW393240:GXW393242 HHS393240:HHS393242 HRO393240:HRO393242 IBK393240:IBK393242 ILG393240:ILG393242 IVC393240:IVC393242 JEY393240:JEY393242 JOU393240:JOU393242 JYQ393240:JYQ393242 KIM393240:KIM393242 KSI393240:KSI393242 LCE393240:LCE393242 LMA393240:LMA393242 LVW393240:LVW393242 MFS393240:MFS393242 MPO393240:MPO393242 MZK393240:MZK393242 NJG393240:NJG393242 NTC393240:NTC393242 OCY393240:OCY393242 OMU393240:OMU393242 OWQ393240:OWQ393242 PGM393240:PGM393242 PQI393240:PQI393242 QAE393240:QAE393242 QKA393240:QKA393242 QTW393240:QTW393242 RDS393240:RDS393242 RNO393240:RNO393242 RXK393240:RXK393242 SHG393240:SHG393242 SRC393240:SRC393242 TAY393240:TAY393242 TKU393240:TKU393242 TUQ393240:TUQ393242 UEM393240:UEM393242 UOI393240:UOI393242 UYE393240:UYE393242 VIA393240:VIA393242 VRW393240:VRW393242 WBS393240:WBS393242 WLO393240:WLO393242 WVK393240:WVK393242 C458776:C458778 IY458776:IY458778 SU458776:SU458778 ACQ458776:ACQ458778 AMM458776:AMM458778 AWI458776:AWI458778 BGE458776:BGE458778 BQA458776:BQA458778 BZW458776:BZW458778 CJS458776:CJS458778 CTO458776:CTO458778 DDK458776:DDK458778 DNG458776:DNG458778 DXC458776:DXC458778 EGY458776:EGY458778 EQU458776:EQU458778 FAQ458776:FAQ458778 FKM458776:FKM458778 FUI458776:FUI458778 GEE458776:GEE458778 GOA458776:GOA458778 GXW458776:GXW458778 HHS458776:HHS458778 HRO458776:HRO458778 IBK458776:IBK458778 ILG458776:ILG458778 IVC458776:IVC458778 JEY458776:JEY458778 JOU458776:JOU458778 JYQ458776:JYQ458778 KIM458776:KIM458778 KSI458776:KSI458778 LCE458776:LCE458778 LMA458776:LMA458778 LVW458776:LVW458778 MFS458776:MFS458778 MPO458776:MPO458778 MZK458776:MZK458778 NJG458776:NJG458778 NTC458776:NTC458778 OCY458776:OCY458778 OMU458776:OMU458778 OWQ458776:OWQ458778 PGM458776:PGM458778 PQI458776:PQI458778 QAE458776:QAE458778 QKA458776:QKA458778 QTW458776:QTW458778 RDS458776:RDS458778 RNO458776:RNO458778 RXK458776:RXK458778 SHG458776:SHG458778 SRC458776:SRC458778 TAY458776:TAY458778 TKU458776:TKU458778 TUQ458776:TUQ458778 UEM458776:UEM458778 UOI458776:UOI458778 UYE458776:UYE458778 VIA458776:VIA458778 VRW458776:VRW458778 WBS458776:WBS458778 WLO458776:WLO458778 WVK458776:WVK458778 C524312:C524314 IY524312:IY524314 SU524312:SU524314 ACQ524312:ACQ524314 AMM524312:AMM524314 AWI524312:AWI524314 BGE524312:BGE524314 BQA524312:BQA524314 BZW524312:BZW524314 CJS524312:CJS524314 CTO524312:CTO524314 DDK524312:DDK524314 DNG524312:DNG524314 DXC524312:DXC524314 EGY524312:EGY524314 EQU524312:EQU524314 FAQ524312:FAQ524314 FKM524312:FKM524314 FUI524312:FUI524314 GEE524312:GEE524314 GOA524312:GOA524314 GXW524312:GXW524314 HHS524312:HHS524314 HRO524312:HRO524314 IBK524312:IBK524314 ILG524312:ILG524314 IVC524312:IVC524314 JEY524312:JEY524314 JOU524312:JOU524314 JYQ524312:JYQ524314 KIM524312:KIM524314 KSI524312:KSI524314 LCE524312:LCE524314 LMA524312:LMA524314 LVW524312:LVW524314 MFS524312:MFS524314 MPO524312:MPO524314 MZK524312:MZK524314 NJG524312:NJG524314 NTC524312:NTC524314 OCY524312:OCY524314 OMU524312:OMU524314 OWQ524312:OWQ524314 PGM524312:PGM524314 PQI524312:PQI524314 QAE524312:QAE524314 QKA524312:QKA524314 QTW524312:QTW524314 RDS524312:RDS524314 RNO524312:RNO524314 RXK524312:RXK524314 SHG524312:SHG524314 SRC524312:SRC524314 TAY524312:TAY524314 TKU524312:TKU524314 TUQ524312:TUQ524314 UEM524312:UEM524314 UOI524312:UOI524314 UYE524312:UYE524314 VIA524312:VIA524314 VRW524312:VRW524314 WBS524312:WBS524314 WLO524312:WLO524314 WVK524312:WVK524314 C589848:C589850 IY589848:IY589850 SU589848:SU589850 ACQ589848:ACQ589850 AMM589848:AMM589850 AWI589848:AWI589850 BGE589848:BGE589850 BQA589848:BQA589850 BZW589848:BZW589850 CJS589848:CJS589850 CTO589848:CTO589850 DDK589848:DDK589850 DNG589848:DNG589850 DXC589848:DXC589850 EGY589848:EGY589850 EQU589848:EQU589850 FAQ589848:FAQ589850 FKM589848:FKM589850 FUI589848:FUI589850 GEE589848:GEE589850 GOA589848:GOA589850 GXW589848:GXW589850 HHS589848:HHS589850 HRO589848:HRO589850 IBK589848:IBK589850 ILG589848:ILG589850 IVC589848:IVC589850 JEY589848:JEY589850 JOU589848:JOU589850 JYQ589848:JYQ589850 KIM589848:KIM589850 KSI589848:KSI589850 LCE589848:LCE589850 LMA589848:LMA589850 LVW589848:LVW589850 MFS589848:MFS589850 MPO589848:MPO589850 MZK589848:MZK589850 NJG589848:NJG589850 NTC589848:NTC589850 OCY589848:OCY589850 OMU589848:OMU589850 OWQ589848:OWQ589850 PGM589848:PGM589850 PQI589848:PQI589850 QAE589848:QAE589850 QKA589848:QKA589850 QTW589848:QTW589850 RDS589848:RDS589850 RNO589848:RNO589850 RXK589848:RXK589850 SHG589848:SHG589850 SRC589848:SRC589850 TAY589848:TAY589850 TKU589848:TKU589850 TUQ589848:TUQ589850 UEM589848:UEM589850 UOI589848:UOI589850 UYE589848:UYE589850 VIA589848:VIA589850 VRW589848:VRW589850 WBS589848:WBS589850 WLO589848:WLO589850 WVK589848:WVK589850 C655384:C655386 IY655384:IY655386 SU655384:SU655386 ACQ655384:ACQ655386 AMM655384:AMM655386 AWI655384:AWI655386 BGE655384:BGE655386 BQA655384:BQA655386 BZW655384:BZW655386 CJS655384:CJS655386 CTO655384:CTO655386 DDK655384:DDK655386 DNG655384:DNG655386 DXC655384:DXC655386 EGY655384:EGY655386 EQU655384:EQU655386 FAQ655384:FAQ655386 FKM655384:FKM655386 FUI655384:FUI655386 GEE655384:GEE655386 GOA655384:GOA655386 GXW655384:GXW655386 HHS655384:HHS655386 HRO655384:HRO655386 IBK655384:IBK655386 ILG655384:ILG655386 IVC655384:IVC655386 JEY655384:JEY655386 JOU655384:JOU655386 JYQ655384:JYQ655386 KIM655384:KIM655386 KSI655384:KSI655386 LCE655384:LCE655386 LMA655384:LMA655386 LVW655384:LVW655386 MFS655384:MFS655386 MPO655384:MPO655386 MZK655384:MZK655386 NJG655384:NJG655386 NTC655384:NTC655386 OCY655384:OCY655386 OMU655384:OMU655386 OWQ655384:OWQ655386 PGM655384:PGM655386 PQI655384:PQI655386 QAE655384:QAE655386 QKA655384:QKA655386 QTW655384:QTW655386 RDS655384:RDS655386 RNO655384:RNO655386 RXK655384:RXK655386 SHG655384:SHG655386 SRC655384:SRC655386 TAY655384:TAY655386 TKU655384:TKU655386 TUQ655384:TUQ655386 UEM655384:UEM655386 UOI655384:UOI655386 UYE655384:UYE655386 VIA655384:VIA655386 VRW655384:VRW655386 WBS655384:WBS655386 WLO655384:WLO655386 WVK655384:WVK655386 C720920:C720922 IY720920:IY720922 SU720920:SU720922 ACQ720920:ACQ720922 AMM720920:AMM720922 AWI720920:AWI720922 BGE720920:BGE720922 BQA720920:BQA720922 BZW720920:BZW720922 CJS720920:CJS720922 CTO720920:CTO720922 DDK720920:DDK720922 DNG720920:DNG720922 DXC720920:DXC720922 EGY720920:EGY720922 EQU720920:EQU720922 FAQ720920:FAQ720922 FKM720920:FKM720922 FUI720920:FUI720922 GEE720920:GEE720922 GOA720920:GOA720922 GXW720920:GXW720922 HHS720920:HHS720922 HRO720920:HRO720922 IBK720920:IBK720922 ILG720920:ILG720922 IVC720920:IVC720922 JEY720920:JEY720922 JOU720920:JOU720922 JYQ720920:JYQ720922 KIM720920:KIM720922 KSI720920:KSI720922 LCE720920:LCE720922 LMA720920:LMA720922 LVW720920:LVW720922 MFS720920:MFS720922 MPO720920:MPO720922 MZK720920:MZK720922 NJG720920:NJG720922 NTC720920:NTC720922 OCY720920:OCY720922 OMU720920:OMU720922 OWQ720920:OWQ720922 PGM720920:PGM720922 PQI720920:PQI720922 QAE720920:QAE720922 QKA720920:QKA720922 QTW720920:QTW720922 RDS720920:RDS720922 RNO720920:RNO720922 RXK720920:RXK720922 SHG720920:SHG720922 SRC720920:SRC720922 TAY720920:TAY720922 TKU720920:TKU720922 TUQ720920:TUQ720922 UEM720920:UEM720922 UOI720920:UOI720922 UYE720920:UYE720922 VIA720920:VIA720922 VRW720920:VRW720922 WBS720920:WBS720922 WLO720920:WLO720922 WVK720920:WVK720922 C786456:C786458 IY786456:IY786458 SU786456:SU786458 ACQ786456:ACQ786458 AMM786456:AMM786458 AWI786456:AWI786458 BGE786456:BGE786458 BQA786456:BQA786458 BZW786456:BZW786458 CJS786456:CJS786458 CTO786456:CTO786458 DDK786456:DDK786458 DNG786456:DNG786458 DXC786456:DXC786458 EGY786456:EGY786458 EQU786456:EQU786458 FAQ786456:FAQ786458 FKM786456:FKM786458 FUI786456:FUI786458 GEE786456:GEE786458 GOA786456:GOA786458 GXW786456:GXW786458 HHS786456:HHS786458 HRO786456:HRO786458 IBK786456:IBK786458 ILG786456:ILG786458 IVC786456:IVC786458 JEY786456:JEY786458 JOU786456:JOU786458 JYQ786456:JYQ786458 KIM786456:KIM786458 KSI786456:KSI786458 LCE786456:LCE786458 LMA786456:LMA786458 LVW786456:LVW786458 MFS786456:MFS786458 MPO786456:MPO786458 MZK786456:MZK786458 NJG786456:NJG786458 NTC786456:NTC786458 OCY786456:OCY786458 OMU786456:OMU786458 OWQ786456:OWQ786458 PGM786456:PGM786458 PQI786456:PQI786458 QAE786456:QAE786458 QKA786456:QKA786458 QTW786456:QTW786458 RDS786456:RDS786458 RNO786456:RNO786458 RXK786456:RXK786458 SHG786456:SHG786458 SRC786456:SRC786458 TAY786456:TAY786458 TKU786456:TKU786458 TUQ786456:TUQ786458 UEM786456:UEM786458 UOI786456:UOI786458 UYE786456:UYE786458 VIA786456:VIA786458 VRW786456:VRW786458 WBS786456:WBS786458 WLO786456:WLO786458 WVK786456:WVK786458 C851992:C851994 IY851992:IY851994 SU851992:SU851994 ACQ851992:ACQ851994 AMM851992:AMM851994 AWI851992:AWI851994 BGE851992:BGE851994 BQA851992:BQA851994 BZW851992:BZW851994 CJS851992:CJS851994 CTO851992:CTO851994 DDK851992:DDK851994 DNG851992:DNG851994 DXC851992:DXC851994 EGY851992:EGY851994 EQU851992:EQU851994 FAQ851992:FAQ851994 FKM851992:FKM851994 FUI851992:FUI851994 GEE851992:GEE851994 GOA851992:GOA851994 GXW851992:GXW851994 HHS851992:HHS851994 HRO851992:HRO851994 IBK851992:IBK851994 ILG851992:ILG851994 IVC851992:IVC851994 JEY851992:JEY851994 JOU851992:JOU851994 JYQ851992:JYQ851994 KIM851992:KIM851994 KSI851992:KSI851994 LCE851992:LCE851994 LMA851992:LMA851994 LVW851992:LVW851994 MFS851992:MFS851994 MPO851992:MPO851994 MZK851992:MZK851994 NJG851992:NJG851994 NTC851992:NTC851994 OCY851992:OCY851994 OMU851992:OMU851994 OWQ851992:OWQ851994 PGM851992:PGM851994 PQI851992:PQI851994 QAE851992:QAE851994 QKA851992:QKA851994 QTW851992:QTW851994 RDS851992:RDS851994 RNO851992:RNO851994 RXK851992:RXK851994 SHG851992:SHG851994 SRC851992:SRC851994 TAY851992:TAY851994 TKU851992:TKU851994 TUQ851992:TUQ851994 UEM851992:UEM851994 UOI851992:UOI851994 UYE851992:UYE851994 VIA851992:VIA851994 VRW851992:VRW851994 WBS851992:WBS851994 WLO851992:WLO851994 WVK851992:WVK851994 C917528:C917530 IY917528:IY917530 SU917528:SU917530 ACQ917528:ACQ917530 AMM917528:AMM917530 AWI917528:AWI917530 BGE917528:BGE917530 BQA917528:BQA917530 BZW917528:BZW917530 CJS917528:CJS917530 CTO917528:CTO917530 DDK917528:DDK917530 DNG917528:DNG917530 DXC917528:DXC917530 EGY917528:EGY917530 EQU917528:EQU917530 FAQ917528:FAQ917530 FKM917528:FKM917530 FUI917528:FUI917530 GEE917528:GEE917530 GOA917528:GOA917530 GXW917528:GXW917530 HHS917528:HHS917530 HRO917528:HRO917530 IBK917528:IBK917530 ILG917528:ILG917530 IVC917528:IVC917530 JEY917528:JEY917530 JOU917528:JOU917530 JYQ917528:JYQ917530 KIM917528:KIM917530 KSI917528:KSI917530 LCE917528:LCE917530 LMA917528:LMA917530 LVW917528:LVW917530 MFS917528:MFS917530 MPO917528:MPO917530 MZK917528:MZK917530 NJG917528:NJG917530 NTC917528:NTC917530 OCY917528:OCY917530 OMU917528:OMU917530 OWQ917528:OWQ917530 PGM917528:PGM917530 PQI917528:PQI917530 QAE917528:QAE917530 QKA917528:QKA917530 QTW917528:QTW917530 RDS917528:RDS917530 RNO917528:RNO917530 RXK917528:RXK917530 SHG917528:SHG917530 SRC917528:SRC917530 TAY917528:TAY917530 TKU917528:TKU917530 TUQ917528:TUQ917530 UEM917528:UEM917530 UOI917528:UOI917530 UYE917528:UYE917530 VIA917528:VIA917530 VRW917528:VRW917530 WBS917528:WBS917530 WLO917528:WLO917530 WVK917528:WVK917530 C983064:C983066 IY983064:IY983066 SU983064:SU983066 ACQ983064:ACQ983066 AMM983064:AMM983066 AWI983064:AWI983066 BGE983064:BGE983066 BQA983064:BQA983066 BZW983064:BZW983066 CJS983064:CJS983066 CTO983064:CTO983066 DDK983064:DDK983066 DNG983064:DNG983066 DXC983064:DXC983066 EGY983064:EGY983066 EQU983064:EQU983066 FAQ983064:FAQ983066 FKM983064:FKM983066 FUI983064:FUI983066 GEE983064:GEE983066 GOA983064:GOA983066 GXW983064:GXW983066 HHS983064:HHS983066 HRO983064:HRO983066 IBK983064:IBK983066 ILG983064:ILG983066 IVC983064:IVC983066 JEY983064:JEY983066 JOU983064:JOU983066 JYQ983064:JYQ983066 KIM983064:KIM983066 KSI983064:KSI983066 LCE983064:LCE983066 LMA983064:LMA983066 LVW983064:LVW983066 MFS983064:MFS983066 MPO983064:MPO983066 MZK983064:MZK983066 NJG983064:NJG983066 NTC983064:NTC983066 OCY983064:OCY983066 OMU983064:OMU983066 OWQ983064:OWQ983066 PGM983064:PGM983066 PQI983064:PQI983066 QAE983064:QAE983066 QKA983064:QKA983066 QTW983064:QTW983066 RDS983064:RDS983066 RNO983064:RNO983066 RXK983064:RXK983066 SHG983064:SHG983066 SRC983064:SRC983066 TAY983064:TAY983066 TKU983064:TKU983066 TUQ983064:TUQ983066 UEM983064:UEM983066 UOI983064:UOI983066 UYE983064:UYE983066 VIA983064:VIA983066 VRW983064:VRW983066 WBS983064:WBS983066 WLO983064:WLO983066 WVK983064:WVK983066 WVK983072:WVK983081 C65556:C65558 IY65556:IY65558 SU65556:SU65558 ACQ65556:ACQ65558 AMM65556:AMM65558 AWI65556:AWI65558 BGE65556:BGE65558 BQA65556:BQA65558 BZW65556:BZW65558 CJS65556:CJS65558 CTO65556:CTO65558 DDK65556:DDK65558 DNG65556:DNG65558 DXC65556:DXC65558 EGY65556:EGY65558 EQU65556:EQU65558 FAQ65556:FAQ65558 FKM65556:FKM65558 FUI65556:FUI65558 GEE65556:GEE65558 GOA65556:GOA65558 GXW65556:GXW65558 HHS65556:HHS65558 HRO65556:HRO65558 IBK65556:IBK65558 ILG65556:ILG65558 IVC65556:IVC65558 JEY65556:JEY65558 JOU65556:JOU65558 JYQ65556:JYQ65558 KIM65556:KIM65558 KSI65556:KSI65558 LCE65556:LCE65558 LMA65556:LMA65558 LVW65556:LVW65558 MFS65556:MFS65558 MPO65556:MPO65558 MZK65556:MZK65558 NJG65556:NJG65558 NTC65556:NTC65558 OCY65556:OCY65558 OMU65556:OMU65558 OWQ65556:OWQ65558 PGM65556:PGM65558 PQI65556:PQI65558 QAE65556:QAE65558 QKA65556:QKA65558 QTW65556:QTW65558 RDS65556:RDS65558 RNO65556:RNO65558 RXK65556:RXK65558 SHG65556:SHG65558 SRC65556:SRC65558 TAY65556:TAY65558 TKU65556:TKU65558 TUQ65556:TUQ65558 UEM65556:UEM65558 UOI65556:UOI65558 UYE65556:UYE65558 VIA65556:VIA65558 VRW65556:VRW65558 WBS65556:WBS65558 WLO65556:WLO65558 WVK65556:WVK65558 C131092:C131094 IY131092:IY131094 SU131092:SU131094 ACQ131092:ACQ131094 AMM131092:AMM131094 AWI131092:AWI131094 BGE131092:BGE131094 BQA131092:BQA131094 BZW131092:BZW131094 CJS131092:CJS131094 CTO131092:CTO131094 DDK131092:DDK131094 DNG131092:DNG131094 DXC131092:DXC131094 EGY131092:EGY131094 EQU131092:EQU131094 FAQ131092:FAQ131094 FKM131092:FKM131094 FUI131092:FUI131094 GEE131092:GEE131094 GOA131092:GOA131094 GXW131092:GXW131094 HHS131092:HHS131094 HRO131092:HRO131094 IBK131092:IBK131094 ILG131092:ILG131094 IVC131092:IVC131094 JEY131092:JEY131094 JOU131092:JOU131094 JYQ131092:JYQ131094 KIM131092:KIM131094 KSI131092:KSI131094 LCE131092:LCE131094 LMA131092:LMA131094 LVW131092:LVW131094 MFS131092:MFS131094 MPO131092:MPO131094 MZK131092:MZK131094 NJG131092:NJG131094 NTC131092:NTC131094 OCY131092:OCY131094 OMU131092:OMU131094 OWQ131092:OWQ131094 PGM131092:PGM131094 PQI131092:PQI131094 QAE131092:QAE131094 QKA131092:QKA131094 QTW131092:QTW131094 RDS131092:RDS131094 RNO131092:RNO131094 RXK131092:RXK131094 SHG131092:SHG131094 SRC131092:SRC131094 TAY131092:TAY131094 TKU131092:TKU131094 TUQ131092:TUQ131094 UEM131092:UEM131094 UOI131092:UOI131094 UYE131092:UYE131094 VIA131092:VIA131094 VRW131092:VRW131094 WBS131092:WBS131094 WLO131092:WLO131094 WVK131092:WVK131094 C196628:C196630 IY196628:IY196630 SU196628:SU196630 ACQ196628:ACQ196630 AMM196628:AMM196630 AWI196628:AWI196630 BGE196628:BGE196630 BQA196628:BQA196630 BZW196628:BZW196630 CJS196628:CJS196630 CTO196628:CTO196630 DDK196628:DDK196630 DNG196628:DNG196630 DXC196628:DXC196630 EGY196628:EGY196630 EQU196628:EQU196630 FAQ196628:FAQ196630 FKM196628:FKM196630 FUI196628:FUI196630 GEE196628:GEE196630 GOA196628:GOA196630 GXW196628:GXW196630 HHS196628:HHS196630 HRO196628:HRO196630 IBK196628:IBK196630 ILG196628:ILG196630 IVC196628:IVC196630 JEY196628:JEY196630 JOU196628:JOU196630 JYQ196628:JYQ196630 KIM196628:KIM196630 KSI196628:KSI196630 LCE196628:LCE196630 LMA196628:LMA196630 LVW196628:LVW196630 MFS196628:MFS196630 MPO196628:MPO196630 MZK196628:MZK196630 NJG196628:NJG196630 NTC196628:NTC196630 OCY196628:OCY196630 OMU196628:OMU196630 OWQ196628:OWQ196630 PGM196628:PGM196630 PQI196628:PQI196630 QAE196628:QAE196630 QKA196628:QKA196630 QTW196628:QTW196630 RDS196628:RDS196630 RNO196628:RNO196630 RXK196628:RXK196630 SHG196628:SHG196630 SRC196628:SRC196630 TAY196628:TAY196630 TKU196628:TKU196630 TUQ196628:TUQ196630 UEM196628:UEM196630 UOI196628:UOI196630 UYE196628:UYE196630 VIA196628:VIA196630 VRW196628:VRW196630 WBS196628:WBS196630 WLO196628:WLO196630 WVK196628:WVK196630 C262164:C262166 IY262164:IY262166 SU262164:SU262166 ACQ262164:ACQ262166 AMM262164:AMM262166 AWI262164:AWI262166 BGE262164:BGE262166 BQA262164:BQA262166 BZW262164:BZW262166 CJS262164:CJS262166 CTO262164:CTO262166 DDK262164:DDK262166 DNG262164:DNG262166 DXC262164:DXC262166 EGY262164:EGY262166 EQU262164:EQU262166 FAQ262164:FAQ262166 FKM262164:FKM262166 FUI262164:FUI262166 GEE262164:GEE262166 GOA262164:GOA262166 GXW262164:GXW262166 HHS262164:HHS262166 HRO262164:HRO262166 IBK262164:IBK262166 ILG262164:ILG262166 IVC262164:IVC262166 JEY262164:JEY262166 JOU262164:JOU262166 JYQ262164:JYQ262166 KIM262164:KIM262166 KSI262164:KSI262166 LCE262164:LCE262166 LMA262164:LMA262166 LVW262164:LVW262166 MFS262164:MFS262166 MPO262164:MPO262166 MZK262164:MZK262166 NJG262164:NJG262166 NTC262164:NTC262166 OCY262164:OCY262166 OMU262164:OMU262166 OWQ262164:OWQ262166 PGM262164:PGM262166 PQI262164:PQI262166 QAE262164:QAE262166 QKA262164:QKA262166 QTW262164:QTW262166 RDS262164:RDS262166 RNO262164:RNO262166 RXK262164:RXK262166 SHG262164:SHG262166 SRC262164:SRC262166 TAY262164:TAY262166 TKU262164:TKU262166 TUQ262164:TUQ262166 UEM262164:UEM262166 UOI262164:UOI262166 UYE262164:UYE262166 VIA262164:VIA262166 VRW262164:VRW262166 WBS262164:WBS262166 WLO262164:WLO262166 WVK262164:WVK262166 C327700:C327702 IY327700:IY327702 SU327700:SU327702 ACQ327700:ACQ327702 AMM327700:AMM327702 AWI327700:AWI327702 BGE327700:BGE327702 BQA327700:BQA327702 BZW327700:BZW327702 CJS327700:CJS327702 CTO327700:CTO327702 DDK327700:DDK327702 DNG327700:DNG327702 DXC327700:DXC327702 EGY327700:EGY327702 EQU327700:EQU327702 FAQ327700:FAQ327702 FKM327700:FKM327702 FUI327700:FUI327702 GEE327700:GEE327702 GOA327700:GOA327702 GXW327700:GXW327702 HHS327700:HHS327702 HRO327700:HRO327702 IBK327700:IBK327702 ILG327700:ILG327702 IVC327700:IVC327702 JEY327700:JEY327702 JOU327700:JOU327702 JYQ327700:JYQ327702 KIM327700:KIM327702 KSI327700:KSI327702 LCE327700:LCE327702 LMA327700:LMA327702 LVW327700:LVW327702 MFS327700:MFS327702 MPO327700:MPO327702 MZK327700:MZK327702 NJG327700:NJG327702 NTC327700:NTC327702 OCY327700:OCY327702 OMU327700:OMU327702 OWQ327700:OWQ327702 PGM327700:PGM327702 PQI327700:PQI327702 QAE327700:QAE327702 QKA327700:QKA327702 QTW327700:QTW327702 RDS327700:RDS327702 RNO327700:RNO327702 RXK327700:RXK327702 SHG327700:SHG327702 SRC327700:SRC327702 TAY327700:TAY327702 TKU327700:TKU327702 TUQ327700:TUQ327702 UEM327700:UEM327702 UOI327700:UOI327702 UYE327700:UYE327702 VIA327700:VIA327702 VRW327700:VRW327702 WBS327700:WBS327702 WLO327700:WLO327702 WVK327700:WVK327702 C393236:C393238 IY393236:IY393238 SU393236:SU393238 ACQ393236:ACQ393238 AMM393236:AMM393238 AWI393236:AWI393238 BGE393236:BGE393238 BQA393236:BQA393238 BZW393236:BZW393238 CJS393236:CJS393238 CTO393236:CTO393238 DDK393236:DDK393238 DNG393236:DNG393238 DXC393236:DXC393238 EGY393236:EGY393238 EQU393236:EQU393238 FAQ393236:FAQ393238 FKM393236:FKM393238 FUI393236:FUI393238 GEE393236:GEE393238 GOA393236:GOA393238 GXW393236:GXW393238 HHS393236:HHS393238 HRO393236:HRO393238 IBK393236:IBK393238 ILG393236:ILG393238 IVC393236:IVC393238 JEY393236:JEY393238 JOU393236:JOU393238 JYQ393236:JYQ393238 KIM393236:KIM393238 KSI393236:KSI393238 LCE393236:LCE393238 LMA393236:LMA393238 LVW393236:LVW393238 MFS393236:MFS393238 MPO393236:MPO393238 MZK393236:MZK393238 NJG393236:NJG393238 NTC393236:NTC393238 OCY393236:OCY393238 OMU393236:OMU393238 OWQ393236:OWQ393238 PGM393236:PGM393238 PQI393236:PQI393238 QAE393236:QAE393238 QKA393236:QKA393238 QTW393236:QTW393238 RDS393236:RDS393238 RNO393236:RNO393238 RXK393236:RXK393238 SHG393236:SHG393238 SRC393236:SRC393238 TAY393236:TAY393238 TKU393236:TKU393238 TUQ393236:TUQ393238 UEM393236:UEM393238 UOI393236:UOI393238 UYE393236:UYE393238 VIA393236:VIA393238 VRW393236:VRW393238 WBS393236:WBS393238 WLO393236:WLO393238 WVK393236:WVK393238 C458772:C458774 IY458772:IY458774 SU458772:SU458774 ACQ458772:ACQ458774 AMM458772:AMM458774 AWI458772:AWI458774 BGE458772:BGE458774 BQA458772:BQA458774 BZW458772:BZW458774 CJS458772:CJS458774 CTO458772:CTO458774 DDK458772:DDK458774 DNG458772:DNG458774 DXC458772:DXC458774 EGY458772:EGY458774 EQU458772:EQU458774 FAQ458772:FAQ458774 FKM458772:FKM458774 FUI458772:FUI458774 GEE458772:GEE458774 GOA458772:GOA458774 GXW458772:GXW458774 HHS458772:HHS458774 HRO458772:HRO458774 IBK458772:IBK458774 ILG458772:ILG458774 IVC458772:IVC458774 JEY458772:JEY458774 JOU458772:JOU458774 JYQ458772:JYQ458774 KIM458772:KIM458774 KSI458772:KSI458774 LCE458772:LCE458774 LMA458772:LMA458774 LVW458772:LVW458774 MFS458772:MFS458774 MPO458772:MPO458774 MZK458772:MZK458774 NJG458772:NJG458774 NTC458772:NTC458774 OCY458772:OCY458774 OMU458772:OMU458774 OWQ458772:OWQ458774 PGM458772:PGM458774 PQI458772:PQI458774 QAE458772:QAE458774 QKA458772:QKA458774 QTW458772:QTW458774 RDS458772:RDS458774 RNO458772:RNO458774 RXK458772:RXK458774 SHG458772:SHG458774 SRC458772:SRC458774 TAY458772:TAY458774 TKU458772:TKU458774 TUQ458772:TUQ458774 UEM458772:UEM458774 UOI458772:UOI458774 UYE458772:UYE458774 VIA458772:VIA458774 VRW458772:VRW458774 WBS458772:WBS458774 WLO458772:WLO458774 WVK458772:WVK458774 C524308:C524310 IY524308:IY524310 SU524308:SU524310 ACQ524308:ACQ524310 AMM524308:AMM524310 AWI524308:AWI524310 BGE524308:BGE524310 BQA524308:BQA524310 BZW524308:BZW524310 CJS524308:CJS524310 CTO524308:CTO524310 DDK524308:DDK524310 DNG524308:DNG524310 DXC524308:DXC524310 EGY524308:EGY524310 EQU524308:EQU524310 FAQ524308:FAQ524310 FKM524308:FKM524310 FUI524308:FUI524310 GEE524308:GEE524310 GOA524308:GOA524310 GXW524308:GXW524310 HHS524308:HHS524310 HRO524308:HRO524310 IBK524308:IBK524310 ILG524308:ILG524310 IVC524308:IVC524310 JEY524308:JEY524310 JOU524308:JOU524310 JYQ524308:JYQ524310 KIM524308:KIM524310 KSI524308:KSI524310 LCE524308:LCE524310 LMA524308:LMA524310 LVW524308:LVW524310 MFS524308:MFS524310 MPO524308:MPO524310 MZK524308:MZK524310 NJG524308:NJG524310 NTC524308:NTC524310 OCY524308:OCY524310 OMU524308:OMU524310 OWQ524308:OWQ524310 PGM524308:PGM524310 PQI524308:PQI524310 QAE524308:QAE524310 QKA524308:QKA524310 QTW524308:QTW524310 RDS524308:RDS524310 RNO524308:RNO524310 RXK524308:RXK524310 SHG524308:SHG524310 SRC524308:SRC524310 TAY524308:TAY524310 TKU524308:TKU524310 TUQ524308:TUQ524310 UEM524308:UEM524310 UOI524308:UOI524310 UYE524308:UYE524310 VIA524308:VIA524310 VRW524308:VRW524310 WBS524308:WBS524310 WLO524308:WLO524310 WVK524308:WVK524310 C589844:C589846 IY589844:IY589846 SU589844:SU589846 ACQ589844:ACQ589846 AMM589844:AMM589846 AWI589844:AWI589846 BGE589844:BGE589846 BQA589844:BQA589846 BZW589844:BZW589846 CJS589844:CJS589846 CTO589844:CTO589846 DDK589844:DDK589846 DNG589844:DNG589846 DXC589844:DXC589846 EGY589844:EGY589846 EQU589844:EQU589846 FAQ589844:FAQ589846 FKM589844:FKM589846 FUI589844:FUI589846 GEE589844:GEE589846 GOA589844:GOA589846 GXW589844:GXW589846 HHS589844:HHS589846 HRO589844:HRO589846 IBK589844:IBK589846 ILG589844:ILG589846 IVC589844:IVC589846 JEY589844:JEY589846 JOU589844:JOU589846 JYQ589844:JYQ589846 KIM589844:KIM589846 KSI589844:KSI589846 LCE589844:LCE589846 LMA589844:LMA589846 LVW589844:LVW589846 MFS589844:MFS589846 MPO589844:MPO589846 MZK589844:MZK589846 NJG589844:NJG589846 NTC589844:NTC589846 OCY589844:OCY589846 OMU589844:OMU589846 OWQ589844:OWQ589846 PGM589844:PGM589846 PQI589844:PQI589846 QAE589844:QAE589846 QKA589844:QKA589846 QTW589844:QTW589846 RDS589844:RDS589846 RNO589844:RNO589846 RXK589844:RXK589846 SHG589844:SHG589846 SRC589844:SRC589846 TAY589844:TAY589846 TKU589844:TKU589846 TUQ589844:TUQ589846 UEM589844:UEM589846 UOI589844:UOI589846 UYE589844:UYE589846 VIA589844:VIA589846 VRW589844:VRW589846 WBS589844:WBS589846 WLO589844:WLO589846 WVK589844:WVK589846 C655380:C655382 IY655380:IY655382 SU655380:SU655382 ACQ655380:ACQ655382 AMM655380:AMM655382 AWI655380:AWI655382 BGE655380:BGE655382 BQA655380:BQA655382 BZW655380:BZW655382 CJS655380:CJS655382 CTO655380:CTO655382 DDK655380:DDK655382 DNG655380:DNG655382 DXC655380:DXC655382 EGY655380:EGY655382 EQU655380:EQU655382 FAQ655380:FAQ655382 FKM655380:FKM655382 FUI655380:FUI655382 GEE655380:GEE655382 GOA655380:GOA655382 GXW655380:GXW655382 HHS655380:HHS655382 HRO655380:HRO655382 IBK655380:IBK655382 ILG655380:ILG655382 IVC655380:IVC655382 JEY655380:JEY655382 JOU655380:JOU655382 JYQ655380:JYQ655382 KIM655380:KIM655382 KSI655380:KSI655382 LCE655380:LCE655382 LMA655380:LMA655382 LVW655380:LVW655382 MFS655380:MFS655382 MPO655380:MPO655382 MZK655380:MZK655382 NJG655380:NJG655382 NTC655380:NTC655382 OCY655380:OCY655382 OMU655380:OMU655382 OWQ655380:OWQ655382 PGM655380:PGM655382 PQI655380:PQI655382 QAE655380:QAE655382 QKA655380:QKA655382 QTW655380:QTW655382 RDS655380:RDS655382 RNO655380:RNO655382 RXK655380:RXK655382 SHG655380:SHG655382 SRC655380:SRC655382 TAY655380:TAY655382 TKU655380:TKU655382 TUQ655380:TUQ655382 UEM655380:UEM655382 UOI655380:UOI655382 UYE655380:UYE655382 VIA655380:VIA655382 VRW655380:VRW655382 WBS655380:WBS655382 WLO655380:WLO655382 WVK655380:WVK655382 C720916:C720918 IY720916:IY720918 SU720916:SU720918 ACQ720916:ACQ720918 AMM720916:AMM720918 AWI720916:AWI720918 BGE720916:BGE720918 BQA720916:BQA720918 BZW720916:BZW720918 CJS720916:CJS720918 CTO720916:CTO720918 DDK720916:DDK720918 DNG720916:DNG720918 DXC720916:DXC720918 EGY720916:EGY720918 EQU720916:EQU720918 FAQ720916:FAQ720918 FKM720916:FKM720918 FUI720916:FUI720918 GEE720916:GEE720918 GOA720916:GOA720918 GXW720916:GXW720918 HHS720916:HHS720918 HRO720916:HRO720918 IBK720916:IBK720918 ILG720916:ILG720918 IVC720916:IVC720918 JEY720916:JEY720918 JOU720916:JOU720918 JYQ720916:JYQ720918 KIM720916:KIM720918 KSI720916:KSI720918 LCE720916:LCE720918 LMA720916:LMA720918 LVW720916:LVW720918 MFS720916:MFS720918 MPO720916:MPO720918 MZK720916:MZK720918 NJG720916:NJG720918 NTC720916:NTC720918 OCY720916:OCY720918 OMU720916:OMU720918 OWQ720916:OWQ720918 PGM720916:PGM720918 PQI720916:PQI720918 QAE720916:QAE720918 QKA720916:QKA720918 QTW720916:QTW720918 RDS720916:RDS720918 RNO720916:RNO720918 RXK720916:RXK720918 SHG720916:SHG720918 SRC720916:SRC720918 TAY720916:TAY720918 TKU720916:TKU720918 TUQ720916:TUQ720918 UEM720916:UEM720918 UOI720916:UOI720918 UYE720916:UYE720918 VIA720916:VIA720918 VRW720916:VRW720918 WBS720916:WBS720918 WLO720916:WLO720918 WVK720916:WVK720918 C786452:C786454 IY786452:IY786454 SU786452:SU786454 ACQ786452:ACQ786454 AMM786452:AMM786454 AWI786452:AWI786454 BGE786452:BGE786454 BQA786452:BQA786454 BZW786452:BZW786454 CJS786452:CJS786454 CTO786452:CTO786454 DDK786452:DDK786454 DNG786452:DNG786454 DXC786452:DXC786454 EGY786452:EGY786454 EQU786452:EQU786454 FAQ786452:FAQ786454 FKM786452:FKM786454 FUI786452:FUI786454 GEE786452:GEE786454 GOA786452:GOA786454 GXW786452:GXW786454 HHS786452:HHS786454 HRO786452:HRO786454 IBK786452:IBK786454 ILG786452:ILG786454 IVC786452:IVC786454 JEY786452:JEY786454 JOU786452:JOU786454 JYQ786452:JYQ786454 KIM786452:KIM786454 KSI786452:KSI786454 LCE786452:LCE786454 LMA786452:LMA786454 LVW786452:LVW786454 MFS786452:MFS786454 MPO786452:MPO786454 MZK786452:MZK786454 NJG786452:NJG786454 NTC786452:NTC786454 OCY786452:OCY786454 OMU786452:OMU786454 OWQ786452:OWQ786454 PGM786452:PGM786454 PQI786452:PQI786454 QAE786452:QAE786454 QKA786452:QKA786454 QTW786452:QTW786454 RDS786452:RDS786454 RNO786452:RNO786454 RXK786452:RXK786454 SHG786452:SHG786454 SRC786452:SRC786454 TAY786452:TAY786454 TKU786452:TKU786454 TUQ786452:TUQ786454 UEM786452:UEM786454 UOI786452:UOI786454 UYE786452:UYE786454 VIA786452:VIA786454 VRW786452:VRW786454 WBS786452:WBS786454 WLO786452:WLO786454 WVK786452:WVK786454 C851988:C851990 IY851988:IY851990 SU851988:SU851990 ACQ851988:ACQ851990 AMM851988:AMM851990 AWI851988:AWI851990 BGE851988:BGE851990 BQA851988:BQA851990 BZW851988:BZW851990 CJS851988:CJS851990 CTO851988:CTO851990 DDK851988:DDK851990 DNG851988:DNG851990 DXC851988:DXC851990 EGY851988:EGY851990 EQU851988:EQU851990 FAQ851988:FAQ851990 FKM851988:FKM851990 FUI851988:FUI851990 GEE851988:GEE851990 GOA851988:GOA851990 GXW851988:GXW851990 HHS851988:HHS851990 HRO851988:HRO851990 IBK851988:IBK851990 ILG851988:ILG851990 IVC851988:IVC851990 JEY851988:JEY851990 JOU851988:JOU851990 JYQ851988:JYQ851990 KIM851988:KIM851990 KSI851988:KSI851990 LCE851988:LCE851990 LMA851988:LMA851990 LVW851988:LVW851990 MFS851988:MFS851990 MPO851988:MPO851990 MZK851988:MZK851990 NJG851988:NJG851990 NTC851988:NTC851990 OCY851988:OCY851990 OMU851988:OMU851990 OWQ851988:OWQ851990 PGM851988:PGM851990 PQI851988:PQI851990 QAE851988:QAE851990 QKA851988:QKA851990 QTW851988:QTW851990 RDS851988:RDS851990 RNO851988:RNO851990 RXK851988:RXK851990 SHG851988:SHG851990 SRC851988:SRC851990 TAY851988:TAY851990 TKU851988:TKU851990 TUQ851988:TUQ851990 UEM851988:UEM851990 UOI851988:UOI851990 UYE851988:UYE851990 VIA851988:VIA851990 VRW851988:VRW851990 WBS851988:WBS851990 WLO851988:WLO851990 WVK851988:WVK851990 C917524:C917526 IY917524:IY917526 SU917524:SU917526 ACQ917524:ACQ917526 AMM917524:AMM917526 AWI917524:AWI917526 BGE917524:BGE917526 BQA917524:BQA917526 BZW917524:BZW917526 CJS917524:CJS917526 CTO917524:CTO917526 DDK917524:DDK917526 DNG917524:DNG917526 DXC917524:DXC917526 EGY917524:EGY917526 EQU917524:EQU917526 FAQ917524:FAQ917526 FKM917524:FKM917526 FUI917524:FUI917526 GEE917524:GEE917526 GOA917524:GOA917526 GXW917524:GXW917526 HHS917524:HHS917526 HRO917524:HRO917526 IBK917524:IBK917526 ILG917524:ILG917526 IVC917524:IVC917526 JEY917524:JEY917526 JOU917524:JOU917526 JYQ917524:JYQ917526 KIM917524:KIM917526 KSI917524:KSI917526 LCE917524:LCE917526 LMA917524:LMA917526 LVW917524:LVW917526 MFS917524:MFS917526 MPO917524:MPO917526 MZK917524:MZK917526 NJG917524:NJG917526 NTC917524:NTC917526 OCY917524:OCY917526 OMU917524:OMU917526 OWQ917524:OWQ917526 PGM917524:PGM917526 PQI917524:PQI917526 QAE917524:QAE917526 QKA917524:QKA917526 QTW917524:QTW917526 RDS917524:RDS917526 RNO917524:RNO917526 RXK917524:RXK917526 SHG917524:SHG917526 SRC917524:SRC917526 TAY917524:TAY917526 TKU917524:TKU917526 TUQ917524:TUQ917526 UEM917524:UEM917526 UOI917524:UOI917526 UYE917524:UYE917526 VIA917524:VIA917526 VRW917524:VRW917526 WBS917524:WBS917526 WLO917524:WLO917526 WVK917524:WVK917526 C983060:C983062 IY983060:IY983062 SU983060:SU983062 ACQ983060:ACQ983062 AMM983060:AMM983062 AWI983060:AWI983062 BGE983060:BGE983062 BQA983060:BQA983062 BZW983060:BZW983062 CJS983060:CJS983062 CTO983060:CTO983062 DDK983060:DDK983062 DNG983060:DNG983062 DXC983060:DXC983062 EGY983060:EGY983062 EQU983060:EQU983062 FAQ983060:FAQ983062 FKM983060:FKM983062 FUI983060:FUI983062 GEE983060:GEE983062 GOA983060:GOA983062 GXW983060:GXW983062 HHS983060:HHS983062 HRO983060:HRO983062 IBK983060:IBK983062 ILG983060:ILG983062 IVC983060:IVC983062 JEY983060:JEY983062 JOU983060:JOU983062 JYQ983060:JYQ983062 KIM983060:KIM983062 KSI983060:KSI983062 LCE983060:LCE983062 LMA983060:LMA983062 LVW983060:LVW983062 MFS983060:MFS983062 MPO983060:MPO983062 MZK983060:MZK983062 NJG983060:NJG983062 NTC983060:NTC983062 OCY983060:OCY983062 OMU983060:OMU983062 OWQ983060:OWQ983062 PGM983060:PGM983062 PQI983060:PQI983062 QAE983060:QAE983062 QKA983060:QKA983062 QTW983060:QTW983062 RDS983060:RDS983062 RNO983060:RNO983062 RXK983060:RXK983062 SHG983060:SHG983062 SRC983060:SRC983062 TAY983060:TAY983062 TKU983060:TKU983062 TUQ983060:TUQ983062 UEM983060:UEM983062 UOI983060:UOI983062 UYE983060:UYE983062 VIA983060:VIA983062 VRW983060:VRW983062 WBS983060:WBS983062 WLO983060:WLO983062 WVK983060:WVK983062 WBS983072:WBS983081 IY30:IY41 SU30:SU41 ACQ30:ACQ41 AMM30:AMM41 AWI30:AWI41 BGE30:BGE41 BQA30:BQA41 BZW30:BZW41 CJS30:CJS41 CTO30:CTO41 DDK30:DDK41 DNG30:DNG41 DXC30:DXC41 EGY30:EGY41 EQU30:EQU41 FAQ30:FAQ41 FKM30:FKM41 FUI30:FUI41 GEE30:GEE41 GOA30:GOA41 GXW30:GXW41 HHS30:HHS41 HRO30:HRO41 IBK30:IBK41 ILG30:ILG41 IVC30:IVC41 JEY30:JEY41 JOU30:JOU41 JYQ30:JYQ41 KIM30:KIM41 KSI30:KSI41 LCE30:LCE41 LMA30:LMA41 LVW30:LVW41 MFS30:MFS41 MPO30:MPO41 MZK30:MZK41 NJG30:NJG41 NTC30:NTC41 OCY30:OCY41 OMU30:OMU41 OWQ30:OWQ41 PGM30:PGM41 PQI30:PQI41 QAE30:QAE41 QKA30:QKA41 QTW30:QTW41 RDS30:RDS41 RNO30:RNO41 RXK30:RXK41 SHG30:SHG41 SRC30:SRC41 TAY30:TAY41 TKU30:TKU41 TUQ30:TUQ41 UEM30:UEM41 UOI30:UOI41 UYE30:UYE41 VIA30:VIA41 VRW30:VRW41 WBS30:WBS41 WLO30:WLO41 WVK30:WVK41 C65568:C65577 IY65568:IY65577 SU65568:SU65577 ACQ65568:ACQ65577 AMM65568:AMM65577 AWI65568:AWI65577 BGE65568:BGE65577 BQA65568:BQA65577 BZW65568:BZW65577 CJS65568:CJS65577 CTO65568:CTO65577 DDK65568:DDK65577 DNG65568:DNG65577 DXC65568:DXC65577 EGY65568:EGY65577 EQU65568:EQU65577 FAQ65568:FAQ65577 FKM65568:FKM65577 FUI65568:FUI65577 GEE65568:GEE65577 GOA65568:GOA65577 GXW65568:GXW65577 HHS65568:HHS65577 HRO65568:HRO65577 IBK65568:IBK65577 ILG65568:ILG65577 IVC65568:IVC65577 JEY65568:JEY65577 JOU65568:JOU65577 JYQ65568:JYQ65577 KIM65568:KIM65577 KSI65568:KSI65577 LCE65568:LCE65577 LMA65568:LMA65577 LVW65568:LVW65577 MFS65568:MFS65577 MPO65568:MPO65577 MZK65568:MZK65577 NJG65568:NJG65577 NTC65568:NTC65577 OCY65568:OCY65577 OMU65568:OMU65577 OWQ65568:OWQ65577 PGM65568:PGM65577 PQI65568:PQI65577 QAE65568:QAE65577 QKA65568:QKA65577 QTW65568:QTW65577 RDS65568:RDS65577 RNO65568:RNO65577 RXK65568:RXK65577 SHG65568:SHG65577 SRC65568:SRC65577 TAY65568:TAY65577 TKU65568:TKU65577 TUQ65568:TUQ65577 UEM65568:UEM65577 UOI65568:UOI65577 UYE65568:UYE65577 VIA65568:VIA65577 VRW65568:VRW65577 WBS65568:WBS65577 WLO65568:WLO65577 WVK65568:WVK65577 C131104:C131113 IY131104:IY131113 SU131104:SU131113 ACQ131104:ACQ131113 AMM131104:AMM131113 AWI131104:AWI131113 BGE131104:BGE131113 BQA131104:BQA131113 BZW131104:BZW131113 CJS131104:CJS131113 CTO131104:CTO131113 DDK131104:DDK131113 DNG131104:DNG131113 DXC131104:DXC131113 EGY131104:EGY131113 EQU131104:EQU131113 FAQ131104:FAQ131113 FKM131104:FKM131113 FUI131104:FUI131113 GEE131104:GEE131113 GOA131104:GOA131113 GXW131104:GXW131113 HHS131104:HHS131113 HRO131104:HRO131113 IBK131104:IBK131113 ILG131104:ILG131113 IVC131104:IVC131113 JEY131104:JEY131113 JOU131104:JOU131113 JYQ131104:JYQ131113 KIM131104:KIM131113 KSI131104:KSI131113 LCE131104:LCE131113 LMA131104:LMA131113 LVW131104:LVW131113 MFS131104:MFS131113 MPO131104:MPO131113 MZK131104:MZK131113 NJG131104:NJG131113 NTC131104:NTC131113 OCY131104:OCY131113 OMU131104:OMU131113 OWQ131104:OWQ131113 PGM131104:PGM131113 PQI131104:PQI131113 QAE131104:QAE131113 QKA131104:QKA131113 QTW131104:QTW131113 RDS131104:RDS131113 RNO131104:RNO131113 RXK131104:RXK131113 SHG131104:SHG131113 SRC131104:SRC131113 TAY131104:TAY131113 TKU131104:TKU131113 TUQ131104:TUQ131113 UEM131104:UEM131113 UOI131104:UOI131113 UYE131104:UYE131113 VIA131104:VIA131113 VRW131104:VRW131113 WBS131104:WBS131113 WLO131104:WLO131113 WVK131104:WVK131113 C196640:C196649 IY196640:IY196649 SU196640:SU196649 ACQ196640:ACQ196649 AMM196640:AMM196649 AWI196640:AWI196649 BGE196640:BGE196649 BQA196640:BQA196649 BZW196640:BZW196649 CJS196640:CJS196649 CTO196640:CTO196649 DDK196640:DDK196649 DNG196640:DNG196649 DXC196640:DXC196649 EGY196640:EGY196649 EQU196640:EQU196649 FAQ196640:FAQ196649 FKM196640:FKM196649 FUI196640:FUI196649 GEE196640:GEE196649 GOA196640:GOA196649 GXW196640:GXW196649 HHS196640:HHS196649 HRO196640:HRO196649 IBK196640:IBK196649 ILG196640:ILG196649 IVC196640:IVC196649 JEY196640:JEY196649 JOU196640:JOU196649 JYQ196640:JYQ196649 KIM196640:KIM196649 KSI196640:KSI196649 LCE196640:LCE196649 LMA196640:LMA196649 LVW196640:LVW196649 MFS196640:MFS196649 MPO196640:MPO196649 MZK196640:MZK196649 NJG196640:NJG196649 NTC196640:NTC196649 OCY196640:OCY196649 OMU196640:OMU196649 OWQ196640:OWQ196649 PGM196640:PGM196649 PQI196640:PQI196649 QAE196640:QAE196649 QKA196640:QKA196649 QTW196640:QTW196649 RDS196640:RDS196649 RNO196640:RNO196649 RXK196640:RXK196649 SHG196640:SHG196649 SRC196640:SRC196649 TAY196640:TAY196649 TKU196640:TKU196649 TUQ196640:TUQ196649 UEM196640:UEM196649 UOI196640:UOI196649 UYE196640:UYE196649 VIA196640:VIA196649 VRW196640:VRW196649 WBS196640:WBS196649 WLO196640:WLO196649 WVK196640:WVK196649 C262176:C262185 IY262176:IY262185 SU262176:SU262185 ACQ262176:ACQ262185 AMM262176:AMM262185 AWI262176:AWI262185 BGE262176:BGE262185 BQA262176:BQA262185 BZW262176:BZW262185 CJS262176:CJS262185 CTO262176:CTO262185 DDK262176:DDK262185 DNG262176:DNG262185 DXC262176:DXC262185 EGY262176:EGY262185 EQU262176:EQU262185 FAQ262176:FAQ262185 FKM262176:FKM262185 FUI262176:FUI262185 GEE262176:GEE262185 GOA262176:GOA262185 GXW262176:GXW262185 HHS262176:HHS262185 HRO262176:HRO262185 IBK262176:IBK262185 ILG262176:ILG262185 IVC262176:IVC262185 JEY262176:JEY262185 JOU262176:JOU262185 JYQ262176:JYQ262185 KIM262176:KIM262185 KSI262176:KSI262185 LCE262176:LCE262185 LMA262176:LMA262185 LVW262176:LVW262185 MFS262176:MFS262185 MPO262176:MPO262185 MZK262176:MZK262185 NJG262176:NJG262185 NTC262176:NTC262185 OCY262176:OCY262185 OMU262176:OMU262185 OWQ262176:OWQ262185 PGM262176:PGM262185 PQI262176:PQI262185 QAE262176:QAE262185 QKA262176:QKA262185 QTW262176:QTW262185 RDS262176:RDS262185 RNO262176:RNO262185 RXK262176:RXK262185 SHG262176:SHG262185 SRC262176:SRC262185 TAY262176:TAY262185 TKU262176:TKU262185 TUQ262176:TUQ262185 UEM262176:UEM262185 UOI262176:UOI262185 UYE262176:UYE262185 VIA262176:VIA262185 VRW262176:VRW262185 WBS262176:WBS262185 WLO262176:WLO262185 WVK262176:WVK262185 C327712:C327721 IY327712:IY327721 SU327712:SU327721 ACQ327712:ACQ327721 AMM327712:AMM327721 AWI327712:AWI327721 BGE327712:BGE327721 BQA327712:BQA327721 BZW327712:BZW327721 CJS327712:CJS327721 CTO327712:CTO327721 DDK327712:DDK327721 DNG327712:DNG327721 DXC327712:DXC327721 EGY327712:EGY327721 EQU327712:EQU327721 FAQ327712:FAQ327721 FKM327712:FKM327721 FUI327712:FUI327721 GEE327712:GEE327721 GOA327712:GOA327721 GXW327712:GXW327721 HHS327712:HHS327721 HRO327712:HRO327721 IBK327712:IBK327721 ILG327712:ILG327721 IVC327712:IVC327721 JEY327712:JEY327721 JOU327712:JOU327721 JYQ327712:JYQ327721 KIM327712:KIM327721 KSI327712:KSI327721 LCE327712:LCE327721 LMA327712:LMA327721 LVW327712:LVW327721 MFS327712:MFS327721 MPO327712:MPO327721 MZK327712:MZK327721 NJG327712:NJG327721 NTC327712:NTC327721 OCY327712:OCY327721 OMU327712:OMU327721 OWQ327712:OWQ327721 PGM327712:PGM327721 PQI327712:PQI327721 QAE327712:QAE327721 QKA327712:QKA327721 QTW327712:QTW327721 RDS327712:RDS327721 RNO327712:RNO327721 RXK327712:RXK327721 SHG327712:SHG327721 SRC327712:SRC327721 TAY327712:TAY327721 TKU327712:TKU327721 TUQ327712:TUQ327721 UEM327712:UEM327721 UOI327712:UOI327721 UYE327712:UYE327721 VIA327712:VIA327721 VRW327712:VRW327721 WBS327712:WBS327721 WLO327712:WLO327721 WVK327712:WVK327721 C393248:C393257 IY393248:IY393257 SU393248:SU393257 ACQ393248:ACQ393257 AMM393248:AMM393257 AWI393248:AWI393257 BGE393248:BGE393257 BQA393248:BQA393257 BZW393248:BZW393257 CJS393248:CJS393257 CTO393248:CTO393257 DDK393248:DDK393257 DNG393248:DNG393257 DXC393248:DXC393257 EGY393248:EGY393257 EQU393248:EQU393257 FAQ393248:FAQ393257 FKM393248:FKM393257 FUI393248:FUI393257 GEE393248:GEE393257 GOA393248:GOA393257 GXW393248:GXW393257 HHS393248:HHS393257 HRO393248:HRO393257 IBK393248:IBK393257 ILG393248:ILG393257 IVC393248:IVC393257 JEY393248:JEY393257 JOU393248:JOU393257 JYQ393248:JYQ393257 KIM393248:KIM393257 KSI393248:KSI393257 LCE393248:LCE393257 LMA393248:LMA393257 LVW393248:LVW393257 MFS393248:MFS393257 MPO393248:MPO393257 MZK393248:MZK393257 NJG393248:NJG393257 NTC393248:NTC393257 OCY393248:OCY393257 OMU393248:OMU393257 OWQ393248:OWQ393257 PGM393248:PGM393257 PQI393248:PQI393257 QAE393248:QAE393257 QKA393248:QKA393257 QTW393248:QTW393257 RDS393248:RDS393257 RNO393248:RNO393257 RXK393248:RXK393257 SHG393248:SHG393257 SRC393248:SRC393257 TAY393248:TAY393257 TKU393248:TKU393257 TUQ393248:TUQ393257 UEM393248:UEM393257 UOI393248:UOI393257 UYE393248:UYE393257 VIA393248:VIA393257 VRW393248:VRW393257 WBS393248:WBS393257 WLO393248:WLO393257 WVK393248:WVK393257 C458784:C458793 IY458784:IY458793 SU458784:SU458793 ACQ458784:ACQ458793 AMM458784:AMM458793 AWI458784:AWI458793 BGE458784:BGE458793 BQA458784:BQA458793 BZW458784:BZW458793 CJS458784:CJS458793 CTO458784:CTO458793 DDK458784:DDK458793 DNG458784:DNG458793 DXC458784:DXC458793 EGY458784:EGY458793 EQU458784:EQU458793 FAQ458784:FAQ458793 FKM458784:FKM458793 FUI458784:FUI458793 GEE458784:GEE458793 GOA458784:GOA458793 GXW458784:GXW458793 HHS458784:HHS458793 HRO458784:HRO458793 IBK458784:IBK458793 ILG458784:ILG458793 IVC458784:IVC458793 JEY458784:JEY458793 JOU458784:JOU458793 JYQ458784:JYQ458793 KIM458784:KIM458793 KSI458784:KSI458793 LCE458784:LCE458793 LMA458784:LMA458793 LVW458784:LVW458793 MFS458784:MFS458793 MPO458784:MPO458793 MZK458784:MZK458793 NJG458784:NJG458793 NTC458784:NTC458793 OCY458784:OCY458793 OMU458784:OMU458793 OWQ458784:OWQ458793 PGM458784:PGM458793 PQI458784:PQI458793 QAE458784:QAE458793 QKA458784:QKA458793 QTW458784:QTW458793 RDS458784:RDS458793 RNO458784:RNO458793 RXK458784:RXK458793 SHG458784:SHG458793 SRC458784:SRC458793 TAY458784:TAY458793 TKU458784:TKU458793 TUQ458784:TUQ458793 UEM458784:UEM458793 UOI458784:UOI458793 UYE458784:UYE458793 VIA458784:VIA458793 VRW458784:VRW458793 WBS458784:WBS458793 WLO458784:WLO458793 WVK458784:WVK458793 C524320:C524329 IY524320:IY524329 SU524320:SU524329 ACQ524320:ACQ524329 AMM524320:AMM524329 AWI524320:AWI524329 BGE524320:BGE524329 BQA524320:BQA524329 BZW524320:BZW524329 CJS524320:CJS524329 CTO524320:CTO524329 DDK524320:DDK524329 DNG524320:DNG524329 DXC524320:DXC524329 EGY524320:EGY524329 EQU524320:EQU524329 FAQ524320:FAQ524329 FKM524320:FKM524329 FUI524320:FUI524329 GEE524320:GEE524329 GOA524320:GOA524329 GXW524320:GXW524329 HHS524320:HHS524329 HRO524320:HRO524329 IBK524320:IBK524329 ILG524320:ILG524329 IVC524320:IVC524329 JEY524320:JEY524329 JOU524320:JOU524329 JYQ524320:JYQ524329 KIM524320:KIM524329 KSI524320:KSI524329 LCE524320:LCE524329 LMA524320:LMA524329 LVW524320:LVW524329 MFS524320:MFS524329 MPO524320:MPO524329 MZK524320:MZK524329 NJG524320:NJG524329 NTC524320:NTC524329 OCY524320:OCY524329 OMU524320:OMU524329 OWQ524320:OWQ524329 PGM524320:PGM524329 PQI524320:PQI524329 QAE524320:QAE524329 QKA524320:QKA524329 QTW524320:QTW524329 RDS524320:RDS524329 RNO524320:RNO524329 RXK524320:RXK524329 SHG524320:SHG524329 SRC524320:SRC524329 TAY524320:TAY524329 TKU524320:TKU524329 TUQ524320:TUQ524329 UEM524320:UEM524329 UOI524320:UOI524329 UYE524320:UYE524329 VIA524320:VIA524329 VRW524320:VRW524329 WBS524320:WBS524329 WLO524320:WLO524329 WVK524320:WVK524329 C589856:C589865 IY589856:IY589865 SU589856:SU589865 ACQ589856:ACQ589865 AMM589856:AMM589865 AWI589856:AWI589865 BGE589856:BGE589865 BQA589856:BQA589865 BZW589856:BZW589865 CJS589856:CJS589865 CTO589856:CTO589865 DDK589856:DDK589865 DNG589856:DNG589865 DXC589856:DXC589865 EGY589856:EGY589865 EQU589856:EQU589865 FAQ589856:FAQ589865 FKM589856:FKM589865 FUI589856:FUI589865 GEE589856:GEE589865 GOA589856:GOA589865 GXW589856:GXW589865 HHS589856:HHS589865 HRO589856:HRO589865 IBK589856:IBK589865 ILG589856:ILG589865 IVC589856:IVC589865 JEY589856:JEY589865 JOU589856:JOU589865 JYQ589856:JYQ589865 KIM589856:KIM589865 KSI589856:KSI589865 LCE589856:LCE589865 LMA589856:LMA589865 LVW589856:LVW589865 MFS589856:MFS589865 MPO589856:MPO589865 MZK589856:MZK589865 NJG589856:NJG589865 NTC589856:NTC589865 OCY589856:OCY589865 OMU589856:OMU589865 OWQ589856:OWQ589865 PGM589856:PGM589865 PQI589856:PQI589865 QAE589856:QAE589865 QKA589856:QKA589865 QTW589856:QTW589865 RDS589856:RDS589865 RNO589856:RNO589865 RXK589856:RXK589865 SHG589856:SHG589865 SRC589856:SRC589865 TAY589856:TAY589865 TKU589856:TKU589865 TUQ589856:TUQ589865 UEM589856:UEM589865 UOI589856:UOI589865 UYE589856:UYE589865 VIA589856:VIA589865 VRW589856:VRW589865 WBS589856:WBS589865 WLO589856:WLO589865 WVK589856:WVK589865 C655392:C655401 IY655392:IY655401 SU655392:SU655401 ACQ655392:ACQ655401 AMM655392:AMM655401 AWI655392:AWI655401 BGE655392:BGE655401 BQA655392:BQA655401 BZW655392:BZW655401 CJS655392:CJS655401 CTO655392:CTO655401 DDK655392:DDK655401 DNG655392:DNG655401 DXC655392:DXC655401 EGY655392:EGY655401 EQU655392:EQU655401 FAQ655392:FAQ655401 FKM655392:FKM655401 FUI655392:FUI655401 GEE655392:GEE655401 GOA655392:GOA655401 GXW655392:GXW655401 HHS655392:HHS655401 HRO655392:HRO655401 IBK655392:IBK655401 ILG655392:ILG655401 IVC655392:IVC655401 JEY655392:JEY655401 JOU655392:JOU655401 JYQ655392:JYQ655401 KIM655392:KIM655401 KSI655392:KSI655401 LCE655392:LCE655401 LMA655392:LMA655401 LVW655392:LVW655401 MFS655392:MFS655401 MPO655392:MPO655401 MZK655392:MZK655401 NJG655392:NJG655401 NTC655392:NTC655401 OCY655392:OCY655401 OMU655392:OMU655401 OWQ655392:OWQ655401 PGM655392:PGM655401 PQI655392:PQI655401 QAE655392:QAE655401 QKA655392:QKA655401 QTW655392:QTW655401 RDS655392:RDS655401 RNO655392:RNO655401 RXK655392:RXK655401 SHG655392:SHG655401 SRC655392:SRC655401 TAY655392:TAY655401 TKU655392:TKU655401 TUQ655392:TUQ655401 UEM655392:UEM655401 UOI655392:UOI655401 UYE655392:UYE655401 VIA655392:VIA655401 VRW655392:VRW655401 WBS655392:WBS655401 WLO655392:WLO655401 WVK655392:WVK655401 C720928:C720937 IY720928:IY720937 SU720928:SU720937 ACQ720928:ACQ720937 AMM720928:AMM720937 AWI720928:AWI720937 BGE720928:BGE720937 BQA720928:BQA720937 BZW720928:BZW720937 CJS720928:CJS720937 CTO720928:CTO720937 DDK720928:DDK720937 DNG720928:DNG720937 DXC720928:DXC720937 EGY720928:EGY720937 EQU720928:EQU720937 FAQ720928:FAQ720937 FKM720928:FKM720937 FUI720928:FUI720937 GEE720928:GEE720937 GOA720928:GOA720937 GXW720928:GXW720937 HHS720928:HHS720937 HRO720928:HRO720937 IBK720928:IBK720937 ILG720928:ILG720937 IVC720928:IVC720937 JEY720928:JEY720937 JOU720928:JOU720937 JYQ720928:JYQ720937 KIM720928:KIM720937 KSI720928:KSI720937 LCE720928:LCE720937 LMA720928:LMA720937 LVW720928:LVW720937 MFS720928:MFS720937 MPO720928:MPO720937 MZK720928:MZK720937 NJG720928:NJG720937 NTC720928:NTC720937 OCY720928:OCY720937 OMU720928:OMU720937 OWQ720928:OWQ720937 PGM720928:PGM720937 PQI720928:PQI720937 QAE720928:QAE720937 QKA720928:QKA720937 QTW720928:QTW720937 RDS720928:RDS720937 RNO720928:RNO720937 RXK720928:RXK720937 SHG720928:SHG720937 SRC720928:SRC720937 TAY720928:TAY720937 TKU720928:TKU720937 TUQ720928:TUQ720937 UEM720928:UEM720937 UOI720928:UOI720937 UYE720928:UYE720937 VIA720928:VIA720937 VRW720928:VRW720937 WBS720928:WBS720937 WLO720928:WLO720937 WVK720928:WVK720937 C786464:C786473 IY786464:IY786473 SU786464:SU786473 ACQ786464:ACQ786473 AMM786464:AMM786473 AWI786464:AWI786473 BGE786464:BGE786473 BQA786464:BQA786473 BZW786464:BZW786473 CJS786464:CJS786473 CTO786464:CTO786473 DDK786464:DDK786473 DNG786464:DNG786473 DXC786464:DXC786473 EGY786464:EGY786473 EQU786464:EQU786473 FAQ786464:FAQ786473 FKM786464:FKM786473 FUI786464:FUI786473 GEE786464:GEE786473 GOA786464:GOA786473 GXW786464:GXW786473 HHS786464:HHS786473 HRO786464:HRO786473 IBK786464:IBK786473 ILG786464:ILG786473 IVC786464:IVC786473 JEY786464:JEY786473 JOU786464:JOU786473 JYQ786464:JYQ786473 KIM786464:KIM786473 KSI786464:KSI786473 LCE786464:LCE786473 LMA786464:LMA786473 LVW786464:LVW786473 MFS786464:MFS786473 MPO786464:MPO786473 MZK786464:MZK786473 NJG786464:NJG786473 NTC786464:NTC786473 OCY786464:OCY786473 OMU786464:OMU786473 OWQ786464:OWQ786473 PGM786464:PGM786473 PQI786464:PQI786473 QAE786464:QAE786473 QKA786464:QKA786473 QTW786464:QTW786473 RDS786464:RDS786473 RNO786464:RNO786473 RXK786464:RXK786473 SHG786464:SHG786473 SRC786464:SRC786473 TAY786464:TAY786473 TKU786464:TKU786473 TUQ786464:TUQ786473 UEM786464:UEM786473 UOI786464:UOI786473 UYE786464:UYE786473 VIA786464:VIA786473 VRW786464:VRW786473 WBS786464:WBS786473 WLO786464:WLO786473 WVK786464:WVK786473 C852000:C852009 IY852000:IY852009 SU852000:SU852009 ACQ852000:ACQ852009 AMM852000:AMM852009 AWI852000:AWI852009 BGE852000:BGE852009 BQA852000:BQA852009 BZW852000:BZW852009 CJS852000:CJS852009 CTO852000:CTO852009 DDK852000:DDK852009 DNG852000:DNG852009 DXC852000:DXC852009 EGY852000:EGY852009 EQU852000:EQU852009 FAQ852000:FAQ852009 FKM852000:FKM852009 FUI852000:FUI852009 GEE852000:GEE852009 GOA852000:GOA852009 GXW852000:GXW852009 HHS852000:HHS852009 HRO852000:HRO852009 IBK852000:IBK852009 ILG852000:ILG852009 IVC852000:IVC852009 JEY852000:JEY852009 JOU852000:JOU852009 JYQ852000:JYQ852009 KIM852000:KIM852009 KSI852000:KSI852009 LCE852000:LCE852009 LMA852000:LMA852009 LVW852000:LVW852009 MFS852000:MFS852009 MPO852000:MPO852009 MZK852000:MZK852009 NJG852000:NJG852009 NTC852000:NTC852009 OCY852000:OCY852009 OMU852000:OMU852009 OWQ852000:OWQ852009 PGM852000:PGM852009 PQI852000:PQI852009 QAE852000:QAE852009 QKA852000:QKA852009 QTW852000:QTW852009 RDS852000:RDS852009 RNO852000:RNO852009 RXK852000:RXK852009 SHG852000:SHG852009 SRC852000:SRC852009 TAY852000:TAY852009 TKU852000:TKU852009 TUQ852000:TUQ852009 UEM852000:UEM852009 UOI852000:UOI852009 UYE852000:UYE852009 VIA852000:VIA852009 VRW852000:VRW852009 WBS852000:WBS852009 WLO852000:WLO852009 WVK852000:WVK852009 C917536:C917545 IY917536:IY917545 SU917536:SU917545 ACQ917536:ACQ917545 AMM917536:AMM917545 AWI917536:AWI917545 BGE917536:BGE917545 BQA917536:BQA917545 BZW917536:BZW917545 CJS917536:CJS917545 CTO917536:CTO917545 DDK917536:DDK917545 DNG917536:DNG917545 DXC917536:DXC917545 EGY917536:EGY917545 EQU917536:EQU917545 FAQ917536:FAQ917545 FKM917536:FKM917545 FUI917536:FUI917545 GEE917536:GEE917545 GOA917536:GOA917545 GXW917536:GXW917545 HHS917536:HHS917545 HRO917536:HRO917545 IBK917536:IBK917545 ILG917536:ILG917545 IVC917536:IVC917545 JEY917536:JEY917545 JOU917536:JOU917545 JYQ917536:JYQ917545 KIM917536:KIM917545 KSI917536:KSI917545 LCE917536:LCE917545 LMA917536:LMA917545 LVW917536:LVW917545 MFS917536:MFS917545 MPO917536:MPO917545 MZK917536:MZK917545 NJG917536:NJG917545 NTC917536:NTC917545 OCY917536:OCY917545 OMU917536:OMU917545 OWQ917536:OWQ917545 PGM917536:PGM917545 PQI917536:PQI917545 QAE917536:QAE917545 QKA917536:QKA917545 QTW917536:QTW917545 RDS917536:RDS917545 RNO917536:RNO917545 RXK917536:RXK917545 SHG917536:SHG917545 SRC917536:SRC917545 TAY917536:TAY917545 TKU917536:TKU917545 TUQ917536:TUQ917545 UEM917536:UEM917545 UOI917536:UOI917545 UYE917536:UYE917545 VIA917536:VIA917545 VRW917536:VRW917545 WBS917536:WBS917545 WLO917536:WLO917545 WVK917536:WVK917545 C983072:C983081 IY983072:IY983081 SU983072:SU983081 ACQ983072:ACQ983081 AMM983072:AMM983081 AWI983072:AWI983081 BGE983072:BGE983081 BQA983072:BQA983081 BZW983072:BZW983081 CJS983072:CJS983081 CTO983072:CTO983081 DDK983072:DDK983081 DNG983072:DNG983081 DXC983072:DXC983081 EGY983072:EGY983081 EQU983072:EQU983081 FAQ983072:FAQ983081 FKM983072:FKM983081 FUI983072:FUI983081 GEE983072:GEE983081 GOA983072:GOA983081 GXW983072:GXW983081 HHS983072:HHS983081 HRO983072:HRO983081 IBK983072:IBK983081 ILG983072:ILG983081 IVC983072:IVC983081 JEY983072:JEY983081 JOU983072:JOU983081 JYQ983072:JYQ983081 KIM983072:KIM983081 KSI983072:KSI983081 LCE983072:LCE983081 LMA983072:LMA983081 LVW983072:LVW983081 MFS983072:MFS983081 MPO983072:MPO983081 MZK983072:MZK983081 NJG983072:NJG983081 NTC983072:NTC983081 OCY983072:OCY983081 OMU983072:OMU983081 OWQ983072:OWQ983081 PGM983072:PGM983081 PQI983072:PQI983081 QAE983072:QAE983081 QKA983072:QKA983081 QTW983072:QTW983081 RDS983072:RDS983081 RNO983072:RNO983081 RXK983072:RXK983081 SHG983072:SHG983081 SRC983072:SRC983081 TAY983072:TAY983081 TKU983072:TKU983081 TUQ983072:TUQ983081 UEM983072:UEM983081 UOI983072:UOI983081 UYE983072:UYE983081 VIA983072:VIA983081 VRW983072:VRW983081 WVK21:WVK25 WLO21:WLO25 WBS21:WBS25 VRW21:VRW25 VIA21:VIA25 UYE21:UYE25 UOI21:UOI25 UEM21:UEM25 TUQ21:TUQ25 TKU21:TKU25 TAY21:TAY25 SRC21:SRC25 SHG21:SHG25 RXK21:RXK25 RNO21:RNO25 RDS21:RDS25 QTW21:QTW25 QKA21:QKA25 QAE21:QAE25 PQI21:PQI25 PGM21:PGM25 OWQ21:OWQ25 OMU21:OMU25 OCY21:OCY25 NTC21:NTC25 NJG21:NJG25 MZK21:MZK25 MPO21:MPO25 MFS21:MFS25 LVW21:LVW25 LMA21:LMA25 LCE21:LCE25 KSI21:KSI25 KIM21:KIM25 JYQ21:JYQ25 JOU21:JOU25 JEY21:JEY25 IVC21:IVC25 ILG21:ILG25 IBK21:IBK25 HRO21:HRO25 HHS21:HHS25 GXW21:GXW25 GOA21:GOA25 GEE21:GEE25 FUI21:FUI25 FKM21:FKM25 FAQ21:FAQ25 EQU21:EQU25 EGY21:EGY25 DXC21:DXC25 DNG21:DNG25 DDK21:DDK25 CTO21:CTO25 CJS21:CJS25 BZW21:BZW25 BQA21:BQA25 BGE21:BGE25 AWI21:AWI25 AMM21:AMM25 ACQ21:ACQ25 SU21:SU25 IY21:IY25" xr:uid="{2205B2F7-377E-4325-84B6-F00C5CFB60C2}">
      <formula1>#REF!</formula1>
    </dataValidation>
  </dataValidations>
  <pageMargins left="0.62992125984251968" right="0.39370078740157483" top="0.23622047244094491" bottom="0" header="0.51181102362204722" footer="0.19685039370078741"/>
  <pageSetup paperSize="9" scale="96" orientation="portrait" r:id="rId1"/>
  <headerFooter alignWithMargins="0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★新様式★ </vt:lpstr>
      <vt:lpstr>'★新様式★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村　美佐</dc:creator>
  <cp:lastModifiedBy>白木 木の美</cp:lastModifiedBy>
  <cp:lastPrinted>2026-05-26T03:01:56Z</cp:lastPrinted>
  <dcterms:created xsi:type="dcterms:W3CDTF">2022-05-24T02:33:45Z</dcterms:created>
  <dcterms:modified xsi:type="dcterms:W3CDTF">2026-05-27T03:30:55Z</dcterms:modified>
</cp:coreProperties>
</file>